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rawings/drawing1.xml" ContentType="application/vnd.openxmlformats-officedocument.drawingml.chartshap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rawings/drawing2.xml" ContentType="application/vnd.openxmlformats-officedocument.drawingml.chartshape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60" r:id="rId2"/>
  </p:sldMasterIdLst>
  <p:notesMasterIdLst>
    <p:notesMasterId r:id="rId14"/>
  </p:notesMasterIdLst>
  <p:sldIdLst>
    <p:sldId id="256" r:id="rId3"/>
    <p:sldId id="262" r:id="rId4"/>
    <p:sldId id="258" r:id="rId5"/>
    <p:sldId id="263" r:id="rId6"/>
    <p:sldId id="264" r:id="rId7"/>
    <p:sldId id="259" r:id="rId8"/>
    <p:sldId id="267" r:id="rId9"/>
    <p:sldId id="270" r:id="rId10"/>
    <p:sldId id="266" r:id="rId11"/>
    <p:sldId id="268" r:id="rId12"/>
    <p:sldId id="269" r:id="rId1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11" autoAdjust="0"/>
    <p:restoredTop sz="94660"/>
  </p:normalViewPr>
  <p:slideViewPr>
    <p:cSldViewPr snapToGrid="0" showGuides="1">
      <p:cViewPr varScale="1">
        <p:scale>
          <a:sx n="76" d="100"/>
          <a:sy n="76" d="100"/>
        </p:scale>
        <p:origin x="108" y="83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presProps" Target="pres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notesMaster" Target="notesMasters/notesMaster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lal-data1.ijclab.in2p3.fr\expsera\mercier\Synrad%20Molflow\Etudes%20acc\Test%20Perle\arc6%20total\distribution%20fluc%20arc%206%20V1.xlsx" TargetMode="Externa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lal-data1.ijclab.in2p3.fr\expsera\mercier\PERLE\ligne%20injection\Canon%20RI\Data%20Pression\Activation%20NEG%20%202025%2012\20260119%20112857%20SCAN%20SEM%20PERLECANON%20sans%20BA.asc" TargetMode="Externa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chartUserShapes" Target="../drawings/drawing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fr-FR" sz="1600" b="1">
                <a:solidFill>
                  <a:sysClr val="windowText" lastClr="000000"/>
                </a:solidFill>
              </a:rPr>
              <a:t>Flux</a:t>
            </a:r>
            <a:r>
              <a:rPr lang="fr-FR" sz="1600" b="1" baseline="0">
                <a:solidFill>
                  <a:sysClr val="windowText" lastClr="000000"/>
                </a:solidFill>
              </a:rPr>
              <a:t> and power distribution on arc6</a:t>
            </a:r>
            <a:endParaRPr lang="fr-FR" sz="1600" b="1">
              <a:solidFill>
                <a:sysClr val="windowText" lastClr="000000"/>
              </a:solidFill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>
        <c:manualLayout>
          <c:layoutTarget val="inner"/>
          <c:xMode val="edge"/>
          <c:yMode val="edge"/>
          <c:x val="0.15011295463067117"/>
          <c:y val="0.11333335418540848"/>
          <c:w val="0.72832364704411945"/>
          <c:h val="0.67361770591404146"/>
        </c:manualLayout>
      </c:layout>
      <c:scatterChart>
        <c:scatterStyle val="lineMarker"/>
        <c:varyColors val="0"/>
        <c:ser>
          <c:idx val="1"/>
          <c:order val="0"/>
          <c:tx>
            <c:strRef>
              <c:f>'Flux ext'!$O$1</c:f>
              <c:strCache>
                <c:ptCount val="1"/>
                <c:pt idx="0">
                  <c:v>Flux ext. (Ph/s/cm2)</c:v>
                </c:pt>
              </c:strCache>
            </c:strRef>
          </c:tx>
          <c:spPr>
            <a:ln w="19050" cap="rnd">
              <a:solidFill>
                <a:schemeClr val="accent2"/>
              </a:solidFill>
              <a:round/>
            </a:ln>
            <a:effectLst/>
          </c:spPr>
          <c:marker>
            <c:symbol val="circle"/>
            <c:size val="3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'Flux ext'!$M$2:$M$457</c:f>
              <c:numCache>
                <c:formatCode>General</c:formatCode>
                <c:ptCount val="456"/>
                <c:pt idx="0">
                  <c:v>0.05</c:v>
                </c:pt>
                <c:pt idx="1">
                  <c:v>1.1500000000000001</c:v>
                </c:pt>
                <c:pt idx="2">
                  <c:v>3.25</c:v>
                </c:pt>
                <c:pt idx="3">
                  <c:v>4.3499999999999996</c:v>
                </c:pt>
                <c:pt idx="4">
                  <c:v>4.5299999999999994</c:v>
                </c:pt>
                <c:pt idx="5">
                  <c:v>4.7099999999999991</c:v>
                </c:pt>
                <c:pt idx="6">
                  <c:v>6.4994999999999994</c:v>
                </c:pt>
                <c:pt idx="7">
                  <c:v>8.2889999999999997</c:v>
                </c:pt>
                <c:pt idx="8">
                  <c:v>8.4689999999999994</c:v>
                </c:pt>
                <c:pt idx="9">
                  <c:v>8.6489999999999991</c:v>
                </c:pt>
                <c:pt idx="10">
                  <c:v>10.449</c:v>
                </c:pt>
                <c:pt idx="11">
                  <c:v>12.206214299999999</c:v>
                </c:pt>
                <c:pt idx="12">
                  <c:v>12.2206429</c:v>
                </c:pt>
                <c:pt idx="13">
                  <c:v>12.2350715</c:v>
                </c:pt>
                <c:pt idx="14">
                  <c:v>12.249500100000001</c:v>
                </c:pt>
                <c:pt idx="15">
                  <c:v>12.263928700000001</c:v>
                </c:pt>
                <c:pt idx="16">
                  <c:v>12.278357300000001</c:v>
                </c:pt>
                <c:pt idx="17">
                  <c:v>12.292785900000002</c:v>
                </c:pt>
                <c:pt idx="18">
                  <c:v>12.307214500000002</c:v>
                </c:pt>
                <c:pt idx="19">
                  <c:v>12.321643100000003</c:v>
                </c:pt>
                <c:pt idx="20">
                  <c:v>12.336071700000003</c:v>
                </c:pt>
                <c:pt idx="21">
                  <c:v>12.350500300000004</c:v>
                </c:pt>
                <c:pt idx="22">
                  <c:v>12.364928900000004</c:v>
                </c:pt>
                <c:pt idx="23">
                  <c:v>12.379357500000005</c:v>
                </c:pt>
                <c:pt idx="24">
                  <c:v>12.393786100000005</c:v>
                </c:pt>
                <c:pt idx="25">
                  <c:v>12.408214700000006</c:v>
                </c:pt>
                <c:pt idx="26">
                  <c:v>12.422643300000006</c:v>
                </c:pt>
                <c:pt idx="27">
                  <c:v>12.437071900000007</c:v>
                </c:pt>
                <c:pt idx="28">
                  <c:v>12.451500500000007</c:v>
                </c:pt>
                <c:pt idx="29">
                  <c:v>12.465929100000007</c:v>
                </c:pt>
                <c:pt idx="30">
                  <c:v>12.480357700000008</c:v>
                </c:pt>
                <c:pt idx="31">
                  <c:v>12.494786300000008</c:v>
                </c:pt>
                <c:pt idx="32">
                  <c:v>12.509214900000009</c:v>
                </c:pt>
                <c:pt idx="33">
                  <c:v>12.523643500000009</c:v>
                </c:pt>
                <c:pt idx="34">
                  <c:v>12.53807210000001</c:v>
                </c:pt>
                <c:pt idx="35">
                  <c:v>12.55250070000001</c:v>
                </c:pt>
                <c:pt idx="36">
                  <c:v>12.566929300000011</c:v>
                </c:pt>
                <c:pt idx="37">
                  <c:v>12.581357900000011</c:v>
                </c:pt>
                <c:pt idx="38">
                  <c:v>12.595786500000012</c:v>
                </c:pt>
                <c:pt idx="39">
                  <c:v>12.610215100000012</c:v>
                </c:pt>
                <c:pt idx="40">
                  <c:v>12.624643700000012</c:v>
                </c:pt>
                <c:pt idx="41">
                  <c:v>12.639072300000013</c:v>
                </c:pt>
                <c:pt idx="42">
                  <c:v>12.653500900000013</c:v>
                </c:pt>
                <c:pt idx="43">
                  <c:v>12.667929500000014</c:v>
                </c:pt>
                <c:pt idx="44">
                  <c:v>12.682358100000014</c:v>
                </c:pt>
                <c:pt idx="45">
                  <c:v>12.696786700000015</c:v>
                </c:pt>
                <c:pt idx="46">
                  <c:v>12.711215300000015</c:v>
                </c:pt>
                <c:pt idx="47">
                  <c:v>12.725643900000016</c:v>
                </c:pt>
                <c:pt idx="48">
                  <c:v>12.740072500000016</c:v>
                </c:pt>
                <c:pt idx="49">
                  <c:v>12.754501100000017</c:v>
                </c:pt>
                <c:pt idx="50">
                  <c:v>12.768929700000017</c:v>
                </c:pt>
                <c:pt idx="51">
                  <c:v>12.783358300000017</c:v>
                </c:pt>
                <c:pt idx="52">
                  <c:v>12.797786900000018</c:v>
                </c:pt>
                <c:pt idx="53">
                  <c:v>12.812215500000018</c:v>
                </c:pt>
                <c:pt idx="54">
                  <c:v>12.826644100000019</c:v>
                </c:pt>
                <c:pt idx="55">
                  <c:v>12.841072700000019</c:v>
                </c:pt>
                <c:pt idx="56">
                  <c:v>12.85550130000002</c:v>
                </c:pt>
                <c:pt idx="57">
                  <c:v>12.86992990000002</c:v>
                </c:pt>
                <c:pt idx="58">
                  <c:v>12.884358500000021</c:v>
                </c:pt>
                <c:pt idx="59">
                  <c:v>12.898787100000021</c:v>
                </c:pt>
                <c:pt idx="60">
                  <c:v>12.913215700000022</c:v>
                </c:pt>
                <c:pt idx="61">
                  <c:v>12.927644300000022</c:v>
                </c:pt>
                <c:pt idx="62">
                  <c:v>12.942072900000023</c:v>
                </c:pt>
                <c:pt idx="63">
                  <c:v>12.956501500000023</c:v>
                </c:pt>
                <c:pt idx="64">
                  <c:v>13.055715800000023</c:v>
                </c:pt>
                <c:pt idx="65">
                  <c:v>13.197715800000022</c:v>
                </c:pt>
                <c:pt idx="66">
                  <c:v>13.339715800000022</c:v>
                </c:pt>
                <c:pt idx="67">
                  <c:v>13.506715800000022</c:v>
                </c:pt>
                <c:pt idx="68">
                  <c:v>13.673715800000021</c:v>
                </c:pt>
                <c:pt idx="69">
                  <c:v>13.815715800000021</c:v>
                </c:pt>
                <c:pt idx="70">
                  <c:v>13.95771580000002</c:v>
                </c:pt>
                <c:pt idx="71">
                  <c:v>14.05693010000002</c:v>
                </c:pt>
                <c:pt idx="72">
                  <c:v>14.071358700000021</c:v>
                </c:pt>
                <c:pt idx="73">
                  <c:v>14.085787300000021</c:v>
                </c:pt>
                <c:pt idx="74">
                  <c:v>14.100215900000022</c:v>
                </c:pt>
                <c:pt idx="75">
                  <c:v>14.114644500000022</c:v>
                </c:pt>
                <c:pt idx="76">
                  <c:v>14.129073100000022</c:v>
                </c:pt>
                <c:pt idx="77">
                  <c:v>14.143501700000023</c:v>
                </c:pt>
                <c:pt idx="78">
                  <c:v>14.157930300000023</c:v>
                </c:pt>
                <c:pt idx="79">
                  <c:v>14.172358900000024</c:v>
                </c:pt>
                <c:pt idx="80">
                  <c:v>14.186787500000024</c:v>
                </c:pt>
                <c:pt idx="81">
                  <c:v>14.201216100000025</c:v>
                </c:pt>
                <c:pt idx="82">
                  <c:v>14.215644700000025</c:v>
                </c:pt>
                <c:pt idx="83">
                  <c:v>14.230073300000026</c:v>
                </c:pt>
                <c:pt idx="84">
                  <c:v>14.244501900000026</c:v>
                </c:pt>
                <c:pt idx="85">
                  <c:v>14.258930500000027</c:v>
                </c:pt>
                <c:pt idx="86">
                  <c:v>14.273359100000027</c:v>
                </c:pt>
                <c:pt idx="87">
                  <c:v>14.287787700000028</c:v>
                </c:pt>
                <c:pt idx="88">
                  <c:v>14.302216300000028</c:v>
                </c:pt>
                <c:pt idx="89">
                  <c:v>14.316644900000028</c:v>
                </c:pt>
                <c:pt idx="90">
                  <c:v>14.331073500000029</c:v>
                </c:pt>
                <c:pt idx="91">
                  <c:v>14.345502100000029</c:v>
                </c:pt>
                <c:pt idx="92">
                  <c:v>14.35993070000003</c:v>
                </c:pt>
                <c:pt idx="93">
                  <c:v>14.37435930000003</c:v>
                </c:pt>
                <c:pt idx="94">
                  <c:v>14.388787900000031</c:v>
                </c:pt>
                <c:pt idx="95">
                  <c:v>14.403216500000031</c:v>
                </c:pt>
                <c:pt idx="96">
                  <c:v>14.417645100000032</c:v>
                </c:pt>
                <c:pt idx="97">
                  <c:v>14.432073700000032</c:v>
                </c:pt>
                <c:pt idx="98">
                  <c:v>14.446502300000033</c:v>
                </c:pt>
                <c:pt idx="99">
                  <c:v>14.460930900000033</c:v>
                </c:pt>
                <c:pt idx="100">
                  <c:v>14.475359500000033</c:v>
                </c:pt>
                <c:pt idx="101">
                  <c:v>14.489788100000034</c:v>
                </c:pt>
                <c:pt idx="102">
                  <c:v>14.504216700000034</c:v>
                </c:pt>
                <c:pt idx="103">
                  <c:v>14.518645300000035</c:v>
                </c:pt>
                <c:pt idx="104">
                  <c:v>14.533073900000035</c:v>
                </c:pt>
                <c:pt idx="105">
                  <c:v>14.547502500000036</c:v>
                </c:pt>
                <c:pt idx="106">
                  <c:v>14.561931100000036</c:v>
                </c:pt>
                <c:pt idx="107">
                  <c:v>14.576359700000037</c:v>
                </c:pt>
                <c:pt idx="108">
                  <c:v>14.590788300000037</c:v>
                </c:pt>
                <c:pt idx="109">
                  <c:v>14.605216900000038</c:v>
                </c:pt>
                <c:pt idx="110">
                  <c:v>14.619645500000038</c:v>
                </c:pt>
                <c:pt idx="111">
                  <c:v>14.634074100000038</c:v>
                </c:pt>
                <c:pt idx="112">
                  <c:v>14.648502700000039</c:v>
                </c:pt>
                <c:pt idx="113">
                  <c:v>14.662931300000039</c:v>
                </c:pt>
                <c:pt idx="114">
                  <c:v>14.67735990000004</c:v>
                </c:pt>
                <c:pt idx="115">
                  <c:v>14.69178850000004</c:v>
                </c:pt>
                <c:pt idx="116">
                  <c:v>14.706217100000041</c:v>
                </c:pt>
                <c:pt idx="117">
                  <c:v>14.720645700000041</c:v>
                </c:pt>
                <c:pt idx="118">
                  <c:v>14.735074300000042</c:v>
                </c:pt>
                <c:pt idx="119">
                  <c:v>14.749502900000042</c:v>
                </c:pt>
                <c:pt idx="120">
                  <c:v>14.763931500000043</c:v>
                </c:pt>
                <c:pt idx="121">
                  <c:v>14.778360100000043</c:v>
                </c:pt>
                <c:pt idx="122">
                  <c:v>14.792788700000044</c:v>
                </c:pt>
                <c:pt idx="123">
                  <c:v>14.807217300000044</c:v>
                </c:pt>
                <c:pt idx="124">
                  <c:v>14.906431600000044</c:v>
                </c:pt>
                <c:pt idx="125">
                  <c:v>15.048431600000043</c:v>
                </c:pt>
                <c:pt idx="126">
                  <c:v>15.190431600000043</c:v>
                </c:pt>
                <c:pt idx="127">
                  <c:v>15.289645900000043</c:v>
                </c:pt>
                <c:pt idx="128">
                  <c:v>15.304074500000043</c:v>
                </c:pt>
                <c:pt idx="129">
                  <c:v>15.318503100000044</c:v>
                </c:pt>
                <c:pt idx="130">
                  <c:v>15.332931700000044</c:v>
                </c:pt>
                <c:pt idx="131">
                  <c:v>15.347360300000044</c:v>
                </c:pt>
                <c:pt idx="132">
                  <c:v>15.361788900000045</c:v>
                </c:pt>
                <c:pt idx="133">
                  <c:v>15.376217500000045</c:v>
                </c:pt>
                <c:pt idx="134">
                  <c:v>15.390646100000046</c:v>
                </c:pt>
                <c:pt idx="135">
                  <c:v>15.405074700000046</c:v>
                </c:pt>
                <c:pt idx="136">
                  <c:v>15.419503300000047</c:v>
                </c:pt>
                <c:pt idx="137">
                  <c:v>15.433931900000047</c:v>
                </c:pt>
                <c:pt idx="138">
                  <c:v>15.448360500000048</c:v>
                </c:pt>
                <c:pt idx="139">
                  <c:v>15.462789100000048</c:v>
                </c:pt>
                <c:pt idx="140">
                  <c:v>15.477217700000049</c:v>
                </c:pt>
                <c:pt idx="141">
                  <c:v>15.491646300000049</c:v>
                </c:pt>
                <c:pt idx="142">
                  <c:v>15.50607490000005</c:v>
                </c:pt>
                <c:pt idx="143">
                  <c:v>15.52050350000005</c:v>
                </c:pt>
                <c:pt idx="144">
                  <c:v>15.53493210000005</c:v>
                </c:pt>
                <c:pt idx="145">
                  <c:v>15.549360700000051</c:v>
                </c:pt>
                <c:pt idx="146">
                  <c:v>15.563789300000051</c:v>
                </c:pt>
                <c:pt idx="147">
                  <c:v>15.578217900000052</c:v>
                </c:pt>
                <c:pt idx="148">
                  <c:v>15.592646500000052</c:v>
                </c:pt>
                <c:pt idx="149">
                  <c:v>15.607075100000053</c:v>
                </c:pt>
                <c:pt idx="150">
                  <c:v>15.621503700000053</c:v>
                </c:pt>
                <c:pt idx="151">
                  <c:v>15.635932300000054</c:v>
                </c:pt>
                <c:pt idx="152">
                  <c:v>15.650360900000054</c:v>
                </c:pt>
                <c:pt idx="153">
                  <c:v>15.664789500000055</c:v>
                </c:pt>
                <c:pt idx="154">
                  <c:v>15.679218100000055</c:v>
                </c:pt>
                <c:pt idx="155">
                  <c:v>15.693646700000055</c:v>
                </c:pt>
                <c:pt idx="156">
                  <c:v>15.708075300000056</c:v>
                </c:pt>
                <c:pt idx="157">
                  <c:v>15.722503900000056</c:v>
                </c:pt>
                <c:pt idx="158">
                  <c:v>15.736932500000057</c:v>
                </c:pt>
                <c:pt idx="159">
                  <c:v>15.751361100000057</c:v>
                </c:pt>
                <c:pt idx="160">
                  <c:v>15.765789700000058</c:v>
                </c:pt>
                <c:pt idx="161">
                  <c:v>15.780218300000058</c:v>
                </c:pt>
                <c:pt idx="162">
                  <c:v>15.794646900000059</c:v>
                </c:pt>
                <c:pt idx="163">
                  <c:v>15.809075500000059</c:v>
                </c:pt>
                <c:pt idx="164">
                  <c:v>15.82350410000006</c:v>
                </c:pt>
                <c:pt idx="165">
                  <c:v>15.83793270000006</c:v>
                </c:pt>
                <c:pt idx="166">
                  <c:v>15.85236130000006</c:v>
                </c:pt>
                <c:pt idx="167">
                  <c:v>15.866789900000061</c:v>
                </c:pt>
                <c:pt idx="168">
                  <c:v>15.881218500000061</c:v>
                </c:pt>
                <c:pt idx="169">
                  <c:v>15.895647100000062</c:v>
                </c:pt>
                <c:pt idx="170">
                  <c:v>15.910075700000062</c:v>
                </c:pt>
                <c:pt idx="171">
                  <c:v>15.924504300000063</c:v>
                </c:pt>
                <c:pt idx="172">
                  <c:v>15.938932900000063</c:v>
                </c:pt>
                <c:pt idx="173">
                  <c:v>15.953361500000064</c:v>
                </c:pt>
                <c:pt idx="174">
                  <c:v>15.967790100000064</c:v>
                </c:pt>
                <c:pt idx="175">
                  <c:v>15.982218700000065</c:v>
                </c:pt>
                <c:pt idx="176">
                  <c:v>15.996647300000065</c:v>
                </c:pt>
                <c:pt idx="177">
                  <c:v>16.011075900000066</c:v>
                </c:pt>
                <c:pt idx="178">
                  <c:v>16.025504500000064</c:v>
                </c:pt>
                <c:pt idx="179">
                  <c:v>16.039933100000063</c:v>
                </c:pt>
                <c:pt idx="180">
                  <c:v>16.139147400000063</c:v>
                </c:pt>
                <c:pt idx="181">
                  <c:v>16.281147400000062</c:v>
                </c:pt>
                <c:pt idx="182">
                  <c:v>16.423147400000062</c:v>
                </c:pt>
                <c:pt idx="183">
                  <c:v>16.552647400000062</c:v>
                </c:pt>
                <c:pt idx="184">
                  <c:v>16.627647400000061</c:v>
                </c:pt>
                <c:pt idx="185">
                  <c:v>16.757147400000061</c:v>
                </c:pt>
                <c:pt idx="186">
                  <c:v>16.899147400000061</c:v>
                </c:pt>
                <c:pt idx="187">
                  <c:v>17.04114740000006</c:v>
                </c:pt>
                <c:pt idx="188">
                  <c:v>17.14036170000006</c:v>
                </c:pt>
                <c:pt idx="189">
                  <c:v>17.154790300000059</c:v>
                </c:pt>
                <c:pt idx="190">
                  <c:v>17.169218900000057</c:v>
                </c:pt>
                <c:pt idx="191">
                  <c:v>17.183647500000056</c:v>
                </c:pt>
                <c:pt idx="192">
                  <c:v>17.198076100000055</c:v>
                </c:pt>
                <c:pt idx="193">
                  <c:v>17.212504700000054</c:v>
                </c:pt>
                <c:pt idx="194">
                  <c:v>17.226933300000052</c:v>
                </c:pt>
                <c:pt idx="195">
                  <c:v>17.241361900000051</c:v>
                </c:pt>
                <c:pt idx="196">
                  <c:v>17.25579050000005</c:v>
                </c:pt>
                <c:pt idx="197">
                  <c:v>17.270219100000048</c:v>
                </c:pt>
                <c:pt idx="198">
                  <c:v>17.284647700000047</c:v>
                </c:pt>
                <c:pt idx="199">
                  <c:v>17.299076300000046</c:v>
                </c:pt>
                <c:pt idx="200">
                  <c:v>17.313504900000044</c:v>
                </c:pt>
                <c:pt idx="201">
                  <c:v>17.327933500000043</c:v>
                </c:pt>
                <c:pt idx="202">
                  <c:v>17.342362100000042</c:v>
                </c:pt>
                <c:pt idx="203">
                  <c:v>17.35679070000004</c:v>
                </c:pt>
                <c:pt idx="204">
                  <c:v>17.371219300000039</c:v>
                </c:pt>
                <c:pt idx="205">
                  <c:v>17.385647900000038</c:v>
                </c:pt>
                <c:pt idx="206">
                  <c:v>17.400076500000036</c:v>
                </c:pt>
                <c:pt idx="207">
                  <c:v>17.414505100000035</c:v>
                </c:pt>
                <c:pt idx="208">
                  <c:v>17.428933700000034</c:v>
                </c:pt>
                <c:pt idx="209">
                  <c:v>17.443362300000032</c:v>
                </c:pt>
                <c:pt idx="210">
                  <c:v>17.457790900000031</c:v>
                </c:pt>
                <c:pt idx="211">
                  <c:v>17.47221950000003</c:v>
                </c:pt>
                <c:pt idx="212">
                  <c:v>17.486648100000028</c:v>
                </c:pt>
                <c:pt idx="213">
                  <c:v>17.501076700000027</c:v>
                </c:pt>
                <c:pt idx="214">
                  <c:v>17.515505300000026</c:v>
                </c:pt>
                <c:pt idx="215">
                  <c:v>17.529933900000024</c:v>
                </c:pt>
                <c:pt idx="216">
                  <c:v>17.544362500000023</c:v>
                </c:pt>
                <c:pt idx="217">
                  <c:v>17.558791100000022</c:v>
                </c:pt>
                <c:pt idx="218">
                  <c:v>17.573219700000021</c:v>
                </c:pt>
                <c:pt idx="219">
                  <c:v>17.587648300000019</c:v>
                </c:pt>
                <c:pt idx="220">
                  <c:v>17.602076900000018</c:v>
                </c:pt>
                <c:pt idx="221">
                  <c:v>17.616505500000017</c:v>
                </c:pt>
                <c:pt idx="222">
                  <c:v>17.630934100000015</c:v>
                </c:pt>
                <c:pt idx="223">
                  <c:v>17.645362700000014</c:v>
                </c:pt>
                <c:pt idx="224">
                  <c:v>17.659791300000013</c:v>
                </c:pt>
                <c:pt idx="225">
                  <c:v>17.674219900000011</c:v>
                </c:pt>
                <c:pt idx="226">
                  <c:v>17.68864850000001</c:v>
                </c:pt>
                <c:pt idx="227">
                  <c:v>17.703077100000009</c:v>
                </c:pt>
                <c:pt idx="228">
                  <c:v>17.717505700000007</c:v>
                </c:pt>
                <c:pt idx="229">
                  <c:v>17.731934300000006</c:v>
                </c:pt>
                <c:pt idx="230">
                  <c:v>17.746362900000005</c:v>
                </c:pt>
                <c:pt idx="231">
                  <c:v>17.760791500000003</c:v>
                </c:pt>
                <c:pt idx="232">
                  <c:v>17.775220100000002</c:v>
                </c:pt>
                <c:pt idx="233">
                  <c:v>17.789648700000001</c:v>
                </c:pt>
                <c:pt idx="234">
                  <c:v>17.804077299999999</c:v>
                </c:pt>
                <c:pt idx="235">
                  <c:v>17.818505899999998</c:v>
                </c:pt>
                <c:pt idx="236">
                  <c:v>17.832934499999997</c:v>
                </c:pt>
                <c:pt idx="237">
                  <c:v>17.847363099999995</c:v>
                </c:pt>
                <c:pt idx="238">
                  <c:v>17.861791699999994</c:v>
                </c:pt>
                <c:pt idx="239">
                  <c:v>17.876220299999993</c:v>
                </c:pt>
                <c:pt idx="240">
                  <c:v>17.890648899999992</c:v>
                </c:pt>
                <c:pt idx="241">
                  <c:v>17.989863199999991</c:v>
                </c:pt>
                <c:pt idx="242">
                  <c:v>18.131863199999991</c:v>
                </c:pt>
                <c:pt idx="243">
                  <c:v>18.27386319999999</c:v>
                </c:pt>
                <c:pt idx="244">
                  <c:v>18.37307749999999</c:v>
                </c:pt>
                <c:pt idx="245">
                  <c:v>18.387506099999989</c:v>
                </c:pt>
                <c:pt idx="246">
                  <c:v>18.401934699999988</c:v>
                </c:pt>
                <c:pt idx="247">
                  <c:v>18.416363299999986</c:v>
                </c:pt>
                <c:pt idx="248">
                  <c:v>18.430791899999985</c:v>
                </c:pt>
                <c:pt idx="249">
                  <c:v>18.445220499999984</c:v>
                </c:pt>
                <c:pt idx="250">
                  <c:v>18.459649099999982</c:v>
                </c:pt>
                <c:pt idx="251">
                  <c:v>18.474077699999981</c:v>
                </c:pt>
                <c:pt idx="252">
                  <c:v>18.48850629999998</c:v>
                </c:pt>
                <c:pt idx="253">
                  <c:v>18.502934899999978</c:v>
                </c:pt>
                <c:pt idx="254">
                  <c:v>18.517363499999977</c:v>
                </c:pt>
                <c:pt idx="255">
                  <c:v>18.531792099999976</c:v>
                </c:pt>
                <c:pt idx="256">
                  <c:v>18.546220699999974</c:v>
                </c:pt>
                <c:pt idx="257">
                  <c:v>18.560649299999973</c:v>
                </c:pt>
                <c:pt idx="258">
                  <c:v>18.575077899999972</c:v>
                </c:pt>
                <c:pt idx="259">
                  <c:v>18.58950649999997</c:v>
                </c:pt>
                <c:pt idx="260">
                  <c:v>18.603935099999969</c:v>
                </c:pt>
                <c:pt idx="261">
                  <c:v>18.618363699999968</c:v>
                </c:pt>
                <c:pt idx="262">
                  <c:v>18.632792299999966</c:v>
                </c:pt>
                <c:pt idx="263">
                  <c:v>18.647220899999965</c:v>
                </c:pt>
                <c:pt idx="264">
                  <c:v>18.661649499999964</c:v>
                </c:pt>
                <c:pt idx="265">
                  <c:v>18.676078099999962</c:v>
                </c:pt>
                <c:pt idx="266">
                  <c:v>18.690506699999961</c:v>
                </c:pt>
                <c:pt idx="267">
                  <c:v>18.70493529999996</c:v>
                </c:pt>
                <c:pt idx="268">
                  <c:v>18.719363899999959</c:v>
                </c:pt>
                <c:pt idx="269">
                  <c:v>18.733792499999957</c:v>
                </c:pt>
                <c:pt idx="270">
                  <c:v>18.748221099999956</c:v>
                </c:pt>
                <c:pt idx="271">
                  <c:v>18.762649699999955</c:v>
                </c:pt>
                <c:pt idx="272">
                  <c:v>18.777078299999953</c:v>
                </c:pt>
                <c:pt idx="273">
                  <c:v>18.791506899999952</c:v>
                </c:pt>
                <c:pt idx="274">
                  <c:v>18.805935499999951</c:v>
                </c:pt>
                <c:pt idx="275">
                  <c:v>18.820364099999949</c:v>
                </c:pt>
                <c:pt idx="276">
                  <c:v>18.834792699999948</c:v>
                </c:pt>
                <c:pt idx="277">
                  <c:v>18.849221299999947</c:v>
                </c:pt>
                <c:pt idx="278">
                  <c:v>18.863649899999945</c:v>
                </c:pt>
                <c:pt idx="279">
                  <c:v>18.878078499999944</c:v>
                </c:pt>
                <c:pt idx="280">
                  <c:v>18.892507099999943</c:v>
                </c:pt>
                <c:pt idx="281">
                  <c:v>18.906935699999941</c:v>
                </c:pt>
                <c:pt idx="282">
                  <c:v>18.92136429999994</c:v>
                </c:pt>
                <c:pt idx="283">
                  <c:v>18.935792899999939</c:v>
                </c:pt>
                <c:pt idx="284">
                  <c:v>18.950221499999937</c:v>
                </c:pt>
                <c:pt idx="285">
                  <c:v>18.964650099999936</c:v>
                </c:pt>
                <c:pt idx="286">
                  <c:v>18.979078699999935</c:v>
                </c:pt>
                <c:pt idx="287">
                  <c:v>18.993507299999933</c:v>
                </c:pt>
                <c:pt idx="288">
                  <c:v>19.007935899999932</c:v>
                </c:pt>
                <c:pt idx="289">
                  <c:v>19.022364499999931</c:v>
                </c:pt>
                <c:pt idx="290">
                  <c:v>19.03679309999993</c:v>
                </c:pt>
                <c:pt idx="291">
                  <c:v>19.051221699999928</c:v>
                </c:pt>
                <c:pt idx="292">
                  <c:v>19.065650299999927</c:v>
                </c:pt>
                <c:pt idx="293">
                  <c:v>19.080078899999926</c:v>
                </c:pt>
                <c:pt idx="294">
                  <c:v>19.094507499999924</c:v>
                </c:pt>
                <c:pt idx="295">
                  <c:v>19.108936099999923</c:v>
                </c:pt>
                <c:pt idx="296">
                  <c:v>19.123364699999922</c:v>
                </c:pt>
                <c:pt idx="297">
                  <c:v>19.222578999999921</c:v>
                </c:pt>
                <c:pt idx="298">
                  <c:v>19.364578999999921</c:v>
                </c:pt>
                <c:pt idx="299">
                  <c:v>19.50657899999992</c:v>
                </c:pt>
                <c:pt idx="300">
                  <c:v>19.673578999999922</c:v>
                </c:pt>
                <c:pt idx="301">
                  <c:v>19.840578999999924</c:v>
                </c:pt>
                <c:pt idx="302">
                  <c:v>19.982578999999923</c:v>
                </c:pt>
                <c:pt idx="303">
                  <c:v>20.124578999999923</c:v>
                </c:pt>
                <c:pt idx="304">
                  <c:v>20.223793299999922</c:v>
                </c:pt>
                <c:pt idx="305">
                  <c:v>20.238221899999921</c:v>
                </c:pt>
                <c:pt idx="306">
                  <c:v>20.25265049999992</c:v>
                </c:pt>
                <c:pt idx="307">
                  <c:v>20.267079099999918</c:v>
                </c:pt>
                <c:pt idx="308">
                  <c:v>20.281507699999917</c:v>
                </c:pt>
                <c:pt idx="309">
                  <c:v>20.295936299999916</c:v>
                </c:pt>
                <c:pt idx="310">
                  <c:v>20.310364899999914</c:v>
                </c:pt>
                <c:pt idx="311">
                  <c:v>20.324793499999913</c:v>
                </c:pt>
                <c:pt idx="312">
                  <c:v>20.339222099999912</c:v>
                </c:pt>
                <c:pt idx="313">
                  <c:v>20.353650699999911</c:v>
                </c:pt>
                <c:pt idx="314">
                  <c:v>20.368079299999909</c:v>
                </c:pt>
                <c:pt idx="315">
                  <c:v>20.382507899999908</c:v>
                </c:pt>
                <c:pt idx="316">
                  <c:v>20.396936499999907</c:v>
                </c:pt>
                <c:pt idx="317">
                  <c:v>20.411365099999905</c:v>
                </c:pt>
                <c:pt idx="318">
                  <c:v>20.425793699999904</c:v>
                </c:pt>
                <c:pt idx="319">
                  <c:v>20.440222299999903</c:v>
                </c:pt>
                <c:pt idx="320">
                  <c:v>20.454650899999901</c:v>
                </c:pt>
                <c:pt idx="321">
                  <c:v>20.4690794999999</c:v>
                </c:pt>
                <c:pt idx="322">
                  <c:v>20.483508099999899</c:v>
                </c:pt>
                <c:pt idx="323">
                  <c:v>20.497936699999897</c:v>
                </c:pt>
                <c:pt idx="324">
                  <c:v>20.512365299999896</c:v>
                </c:pt>
                <c:pt idx="325">
                  <c:v>20.526793899999895</c:v>
                </c:pt>
                <c:pt idx="326">
                  <c:v>20.541222499999893</c:v>
                </c:pt>
                <c:pt idx="327">
                  <c:v>20.555651099999892</c:v>
                </c:pt>
                <c:pt idx="328">
                  <c:v>20.570079699999891</c:v>
                </c:pt>
                <c:pt idx="329">
                  <c:v>20.584508299999889</c:v>
                </c:pt>
                <c:pt idx="330">
                  <c:v>20.598936899999888</c:v>
                </c:pt>
                <c:pt idx="331">
                  <c:v>20.613365499999887</c:v>
                </c:pt>
                <c:pt idx="332">
                  <c:v>20.627794099999885</c:v>
                </c:pt>
                <c:pt idx="333">
                  <c:v>20.642222699999884</c:v>
                </c:pt>
                <c:pt idx="334">
                  <c:v>20.656651299999883</c:v>
                </c:pt>
                <c:pt idx="335">
                  <c:v>20.671079899999881</c:v>
                </c:pt>
                <c:pt idx="336">
                  <c:v>20.68550849999988</c:v>
                </c:pt>
                <c:pt idx="337">
                  <c:v>20.699937099999879</c:v>
                </c:pt>
                <c:pt idx="338">
                  <c:v>20.714365699999878</c:v>
                </c:pt>
                <c:pt idx="339">
                  <c:v>20.728794299999876</c:v>
                </c:pt>
                <c:pt idx="340">
                  <c:v>20.743222899999875</c:v>
                </c:pt>
                <c:pt idx="341">
                  <c:v>20.757651499999874</c:v>
                </c:pt>
                <c:pt idx="342">
                  <c:v>20.772080099999872</c:v>
                </c:pt>
                <c:pt idx="343">
                  <c:v>20.786508699999871</c:v>
                </c:pt>
                <c:pt idx="344">
                  <c:v>20.80093729999987</c:v>
                </c:pt>
                <c:pt idx="345">
                  <c:v>20.815365899999868</c:v>
                </c:pt>
                <c:pt idx="346">
                  <c:v>20.829794499999867</c:v>
                </c:pt>
                <c:pt idx="347">
                  <c:v>20.844223099999866</c:v>
                </c:pt>
                <c:pt idx="348">
                  <c:v>20.858651699999864</c:v>
                </c:pt>
                <c:pt idx="349">
                  <c:v>20.873080299999863</c:v>
                </c:pt>
                <c:pt idx="350">
                  <c:v>20.887508899999862</c:v>
                </c:pt>
                <c:pt idx="351">
                  <c:v>20.90193749999986</c:v>
                </c:pt>
                <c:pt idx="352">
                  <c:v>20.916366099999859</c:v>
                </c:pt>
                <c:pt idx="353">
                  <c:v>20.930794699999858</c:v>
                </c:pt>
                <c:pt idx="354">
                  <c:v>20.945223299999856</c:v>
                </c:pt>
                <c:pt idx="355">
                  <c:v>20.959651899999855</c:v>
                </c:pt>
                <c:pt idx="356">
                  <c:v>20.974080499999854</c:v>
                </c:pt>
                <c:pt idx="357">
                  <c:v>21.463794799999853</c:v>
                </c:pt>
                <c:pt idx="358">
                  <c:v>21.996294799999852</c:v>
                </c:pt>
                <c:pt idx="359">
                  <c:v>22.421294799999853</c:v>
                </c:pt>
                <c:pt idx="360">
                  <c:v>22.846294799999853</c:v>
                </c:pt>
                <c:pt idx="361">
                  <c:v>23.271294799999854</c:v>
                </c:pt>
                <c:pt idx="362">
                  <c:v>23.696294799999855</c:v>
                </c:pt>
                <c:pt idx="363">
                  <c:v>24.121294799999855</c:v>
                </c:pt>
                <c:pt idx="364">
                  <c:v>24.546294799999856</c:v>
                </c:pt>
                <c:pt idx="365">
                  <c:v>24.746294799999855</c:v>
                </c:pt>
                <c:pt idx="366">
                  <c:v>24.906499149999856</c:v>
                </c:pt>
                <c:pt idx="367">
                  <c:v>24.926907849999857</c:v>
                </c:pt>
                <c:pt idx="368">
                  <c:v>24.947316549999858</c:v>
                </c:pt>
                <c:pt idx="369">
                  <c:v>24.967725249999859</c:v>
                </c:pt>
                <c:pt idx="370">
                  <c:v>24.98813394999986</c:v>
                </c:pt>
                <c:pt idx="371">
                  <c:v>25.00854264999986</c:v>
                </c:pt>
                <c:pt idx="372">
                  <c:v>25.028951349999861</c:v>
                </c:pt>
                <c:pt idx="373">
                  <c:v>25.049360049999862</c:v>
                </c:pt>
                <c:pt idx="374">
                  <c:v>25.069768749999863</c:v>
                </c:pt>
                <c:pt idx="375">
                  <c:v>25.090177449999864</c:v>
                </c:pt>
                <c:pt idx="376">
                  <c:v>25.110586149999865</c:v>
                </c:pt>
                <c:pt idx="377">
                  <c:v>25.130994849999865</c:v>
                </c:pt>
                <c:pt idx="378">
                  <c:v>25.151403549999866</c:v>
                </c:pt>
                <c:pt idx="379">
                  <c:v>25.171812249999867</c:v>
                </c:pt>
                <c:pt idx="380">
                  <c:v>25.192220949999868</c:v>
                </c:pt>
                <c:pt idx="381">
                  <c:v>25.212629649999869</c:v>
                </c:pt>
                <c:pt idx="382">
                  <c:v>25.23303834999987</c:v>
                </c:pt>
                <c:pt idx="383">
                  <c:v>25.25344704999987</c:v>
                </c:pt>
                <c:pt idx="384">
                  <c:v>25.558151399999872</c:v>
                </c:pt>
                <c:pt idx="385">
                  <c:v>25.860906349999873</c:v>
                </c:pt>
                <c:pt idx="386">
                  <c:v>25.877416249999872</c:v>
                </c:pt>
                <c:pt idx="387">
                  <c:v>25.893926149999871</c:v>
                </c:pt>
                <c:pt idx="388">
                  <c:v>25.91043604999987</c:v>
                </c:pt>
                <c:pt idx="389">
                  <c:v>25.926945949999869</c:v>
                </c:pt>
                <c:pt idx="390">
                  <c:v>25.943455849999868</c:v>
                </c:pt>
                <c:pt idx="391">
                  <c:v>25.959965749999867</c:v>
                </c:pt>
                <c:pt idx="392">
                  <c:v>25.976475649999866</c:v>
                </c:pt>
                <c:pt idx="393">
                  <c:v>25.992985549999865</c:v>
                </c:pt>
                <c:pt idx="394">
                  <c:v>26.009495449999864</c:v>
                </c:pt>
                <c:pt idx="395">
                  <c:v>26.026005349999863</c:v>
                </c:pt>
                <c:pt idx="396">
                  <c:v>26.042515249999862</c:v>
                </c:pt>
                <c:pt idx="397">
                  <c:v>26.059025149999862</c:v>
                </c:pt>
                <c:pt idx="398">
                  <c:v>26.075535049999861</c:v>
                </c:pt>
                <c:pt idx="399">
                  <c:v>26.09204494999986</c:v>
                </c:pt>
                <c:pt idx="400">
                  <c:v>26.108554849999859</c:v>
                </c:pt>
                <c:pt idx="401">
                  <c:v>26.125064749999858</c:v>
                </c:pt>
                <c:pt idx="402">
                  <c:v>26.141574649999857</c:v>
                </c:pt>
                <c:pt idx="403">
                  <c:v>26.199829599999855</c:v>
                </c:pt>
                <c:pt idx="404">
                  <c:v>26.258084549999854</c:v>
                </c:pt>
                <c:pt idx="405">
                  <c:v>26.274594449999853</c:v>
                </c:pt>
                <c:pt idx="406">
                  <c:v>26.291104349999852</c:v>
                </c:pt>
                <c:pt idx="407">
                  <c:v>26.307614249999851</c:v>
                </c:pt>
                <c:pt idx="408">
                  <c:v>26.32412414999985</c:v>
                </c:pt>
                <c:pt idx="409">
                  <c:v>26.340634049999849</c:v>
                </c:pt>
                <c:pt idx="410">
                  <c:v>26.357143949999848</c:v>
                </c:pt>
                <c:pt idx="411">
                  <c:v>26.373653849999847</c:v>
                </c:pt>
                <c:pt idx="412">
                  <c:v>26.390163749999846</c:v>
                </c:pt>
                <c:pt idx="413">
                  <c:v>26.406673649999846</c:v>
                </c:pt>
                <c:pt idx="414">
                  <c:v>26.423183549999845</c:v>
                </c:pt>
                <c:pt idx="415">
                  <c:v>26.439693449999844</c:v>
                </c:pt>
                <c:pt idx="416">
                  <c:v>26.456203349999843</c:v>
                </c:pt>
                <c:pt idx="417">
                  <c:v>26.472713249999842</c:v>
                </c:pt>
                <c:pt idx="418">
                  <c:v>26.489223149999841</c:v>
                </c:pt>
                <c:pt idx="419">
                  <c:v>26.50573304999984</c:v>
                </c:pt>
                <c:pt idx="420">
                  <c:v>26.522242949999839</c:v>
                </c:pt>
                <c:pt idx="421">
                  <c:v>26.538752849999838</c:v>
                </c:pt>
                <c:pt idx="422">
                  <c:v>26.841507799999839</c:v>
                </c:pt>
                <c:pt idx="423">
                  <c:v>27.14621214999984</c:v>
                </c:pt>
                <c:pt idx="424">
                  <c:v>27.166620849999841</c:v>
                </c:pt>
                <c:pt idx="425">
                  <c:v>27.187029549999842</c:v>
                </c:pt>
                <c:pt idx="426">
                  <c:v>27.207438249999843</c:v>
                </c:pt>
                <c:pt idx="427">
                  <c:v>27.227846949999844</c:v>
                </c:pt>
                <c:pt idx="428">
                  <c:v>27.248255649999845</c:v>
                </c:pt>
                <c:pt idx="429">
                  <c:v>27.268664349999845</c:v>
                </c:pt>
                <c:pt idx="430">
                  <c:v>27.289073049999846</c:v>
                </c:pt>
                <c:pt idx="431">
                  <c:v>27.309481749999847</c:v>
                </c:pt>
                <c:pt idx="432">
                  <c:v>27.329890449999848</c:v>
                </c:pt>
                <c:pt idx="433">
                  <c:v>27.350299149999849</c:v>
                </c:pt>
                <c:pt idx="434">
                  <c:v>27.37070784999985</c:v>
                </c:pt>
                <c:pt idx="435">
                  <c:v>27.39111654999985</c:v>
                </c:pt>
                <c:pt idx="436">
                  <c:v>27.411525249999851</c:v>
                </c:pt>
                <c:pt idx="437">
                  <c:v>27.431933949999852</c:v>
                </c:pt>
                <c:pt idx="438">
                  <c:v>27.452342649999853</c:v>
                </c:pt>
                <c:pt idx="439">
                  <c:v>27.472751349999854</c:v>
                </c:pt>
                <c:pt idx="440">
                  <c:v>27.493160049999855</c:v>
                </c:pt>
                <c:pt idx="441">
                  <c:v>27.803364399999854</c:v>
                </c:pt>
                <c:pt idx="442">
                  <c:v>28.177662399999853</c:v>
                </c:pt>
                <c:pt idx="443">
                  <c:v>28.301960399999853</c:v>
                </c:pt>
                <c:pt idx="444">
                  <c:v>28.427672899999852</c:v>
                </c:pt>
                <c:pt idx="445">
                  <c:v>28.579097899999852</c:v>
                </c:pt>
                <c:pt idx="446">
                  <c:v>28.70481039999985</c:v>
                </c:pt>
                <c:pt idx="447">
                  <c:v>28.82910839999985</c:v>
                </c:pt>
                <c:pt idx="448">
                  <c:v>29.00340639999985</c:v>
                </c:pt>
                <c:pt idx="449">
                  <c:v>29.12840639999985</c:v>
                </c:pt>
                <c:pt idx="450">
                  <c:v>29.228406399999852</c:v>
                </c:pt>
                <c:pt idx="451">
                  <c:v>29.328406399999853</c:v>
                </c:pt>
                <c:pt idx="452">
                  <c:v>29.453406399999853</c:v>
                </c:pt>
                <c:pt idx="453">
                  <c:v>29.555406399999853</c:v>
                </c:pt>
                <c:pt idx="454">
                  <c:v>29.689406399999854</c:v>
                </c:pt>
                <c:pt idx="455">
                  <c:v>30.081406399999853</c:v>
                </c:pt>
              </c:numCache>
            </c:numRef>
          </c:xVal>
          <c:yVal>
            <c:numRef>
              <c:f>'Flux ext'!$O$2:$O$457</c:f>
              <c:numCache>
                <c:formatCode>0.00E+00</c:formatCode>
                <c:ptCount val="456"/>
                <c:pt idx="0">
                  <c:v>2.8684280727318625E-2</c:v>
                </c:pt>
                <c:pt idx="1">
                  <c:v>1.365918689592246E-3</c:v>
                </c:pt>
                <c:pt idx="2">
                  <c:v>12192531.702972787</c:v>
                </c:pt>
                <c:pt idx="3">
                  <c:v>231680927.53490162</c:v>
                </c:pt>
                <c:pt idx="4">
                  <c:v>254182387.85551953</c:v>
                </c:pt>
                <c:pt idx="5">
                  <c:v>567699205.15858114</c:v>
                </c:pt>
                <c:pt idx="6">
                  <c:v>97875270022.921036</c:v>
                </c:pt>
                <c:pt idx="7">
                  <c:v>628598801570.75122</c:v>
                </c:pt>
                <c:pt idx="8">
                  <c:v>745250546104.45496</c:v>
                </c:pt>
                <c:pt idx="9">
                  <c:v>878510597407.51477</c:v>
                </c:pt>
                <c:pt idx="10">
                  <c:v>1665385434935.8291</c:v>
                </c:pt>
                <c:pt idx="11">
                  <c:v>2359261440978.165</c:v>
                </c:pt>
                <c:pt idx="12">
                  <c:v>3313266678872.4995</c:v>
                </c:pt>
                <c:pt idx="13">
                  <c:v>4134891699768.3545</c:v>
                </c:pt>
                <c:pt idx="14">
                  <c:v>4997552199836.0176</c:v>
                </c:pt>
                <c:pt idx="15">
                  <c:v>5867396893880.8975</c:v>
                </c:pt>
                <c:pt idx="16">
                  <c:v>6843790547909.2207</c:v>
                </c:pt>
                <c:pt idx="17">
                  <c:v>7853657371659.6484</c:v>
                </c:pt>
                <c:pt idx="18">
                  <c:v>8804717289031.4668</c:v>
                </c:pt>
                <c:pt idx="19">
                  <c:v>9889431075519.6113</c:v>
                </c:pt>
                <c:pt idx="20">
                  <c:v>11099161777699.943</c:v>
                </c:pt>
                <c:pt idx="21">
                  <c:v>12153785532904.008</c:v>
                </c:pt>
                <c:pt idx="22">
                  <c:v>13445069772255.082</c:v>
                </c:pt>
                <c:pt idx="23">
                  <c:v>14712930753126.418</c:v>
                </c:pt>
                <c:pt idx="24">
                  <c:v>15950582297827.627</c:v>
                </c:pt>
                <c:pt idx="25">
                  <c:v>17621653678068.508</c:v>
                </c:pt>
                <c:pt idx="26">
                  <c:v>19168185762161.387</c:v>
                </c:pt>
                <c:pt idx="27">
                  <c:v>20776450172341.055</c:v>
                </c:pt>
                <c:pt idx="28">
                  <c:v>22915389697746.434</c:v>
                </c:pt>
                <c:pt idx="29">
                  <c:v>24799001775152.641</c:v>
                </c:pt>
                <c:pt idx="30">
                  <c:v>27019534639357.445</c:v>
                </c:pt>
                <c:pt idx="31">
                  <c:v>29291411604562.859</c:v>
                </c:pt>
                <c:pt idx="32">
                  <c:v>31928468512931.551</c:v>
                </c:pt>
                <c:pt idx="33">
                  <c:v>34804932217826.355</c:v>
                </c:pt>
                <c:pt idx="34">
                  <c:v>37602588697929.523</c:v>
                </c:pt>
                <c:pt idx="35">
                  <c:v>41111301274448.148</c:v>
                </c:pt>
                <c:pt idx="36">
                  <c:v>44963103890211.188</c:v>
                </c:pt>
                <c:pt idx="37">
                  <c:v>49006153331794.336</c:v>
                </c:pt>
                <c:pt idx="38">
                  <c:v>53746527307897.438</c:v>
                </c:pt>
                <c:pt idx="39">
                  <c:v>58770885904651.219</c:v>
                </c:pt>
                <c:pt idx="40">
                  <c:v>64420329079865.953</c:v>
                </c:pt>
                <c:pt idx="41">
                  <c:v>70835953607221.609</c:v>
                </c:pt>
                <c:pt idx="42">
                  <c:v>77674868455617.203</c:v>
                </c:pt>
                <c:pt idx="43">
                  <c:v>86167142959489.906</c:v>
                </c:pt>
                <c:pt idx="44">
                  <c:v>95070369279510.922</c:v>
                </c:pt>
                <c:pt idx="45">
                  <c:v>105685662657315.94</c:v>
                </c:pt>
                <c:pt idx="46">
                  <c:v>116712305867556.11</c:v>
                </c:pt>
                <c:pt idx="47">
                  <c:v>130350134927521.23</c:v>
                </c:pt>
                <c:pt idx="48">
                  <c:v>145191366230706.16</c:v>
                </c:pt>
                <c:pt idx="49">
                  <c:v>162261488740119.25</c:v>
                </c:pt>
                <c:pt idx="50">
                  <c:v>181934438757233.94</c:v>
                </c:pt>
                <c:pt idx="51">
                  <c:v>203808219832355.53</c:v>
                </c:pt>
                <c:pt idx="52">
                  <c:v>228592694013039.03</c:v>
                </c:pt>
                <c:pt idx="53">
                  <c:v>256732445491669.53</c:v>
                </c:pt>
                <c:pt idx="54">
                  <c:v>289248386043956.94</c:v>
                </c:pt>
                <c:pt idx="55">
                  <c:v>325113633649888.94</c:v>
                </c:pt>
                <c:pt idx="56">
                  <c:v>366451605199684.81</c:v>
                </c:pt>
                <c:pt idx="57">
                  <c:v>411855313119412.88</c:v>
                </c:pt>
                <c:pt idx="58">
                  <c:v>464335750618915.31</c:v>
                </c:pt>
                <c:pt idx="59">
                  <c:v>523586445157335.88</c:v>
                </c:pt>
                <c:pt idx="60">
                  <c:v>590341736783869.25</c:v>
                </c:pt>
                <c:pt idx="61">
                  <c:v>676985902263120.63</c:v>
                </c:pt>
                <c:pt idx="62">
                  <c:v>792315101533954.75</c:v>
                </c:pt>
                <c:pt idx="63">
                  <c:v>916814596053270.5</c:v>
                </c:pt>
                <c:pt idx="64">
                  <c:v>762949244387075.75</c:v>
                </c:pt>
                <c:pt idx="65">
                  <c:v>342995155224985.19</c:v>
                </c:pt>
                <c:pt idx="66">
                  <c:v>204816779065453.19</c:v>
                </c:pt>
                <c:pt idx="67">
                  <c:v>115680372666531.53</c:v>
                </c:pt>
                <c:pt idx="68">
                  <c:v>83601936813486.594</c:v>
                </c:pt>
                <c:pt idx="69">
                  <c:v>64634289762867.055</c:v>
                </c:pt>
                <c:pt idx="70">
                  <c:v>57206773235058.438</c:v>
                </c:pt>
                <c:pt idx="71">
                  <c:v>56684285520963.523</c:v>
                </c:pt>
                <c:pt idx="72">
                  <c:v>28645033154756.695</c:v>
                </c:pt>
                <c:pt idx="73">
                  <c:v>41737778909912.992</c:v>
                </c:pt>
                <c:pt idx="74">
                  <c:v>77594668173821.672</c:v>
                </c:pt>
                <c:pt idx="75">
                  <c:v>63872061644762.508</c:v>
                </c:pt>
                <c:pt idx="76">
                  <c:v>32786790635472.805</c:v>
                </c:pt>
                <c:pt idx="77">
                  <c:v>58468393526663.109</c:v>
                </c:pt>
                <c:pt idx="78">
                  <c:v>86103261345454.266</c:v>
                </c:pt>
                <c:pt idx="79">
                  <c:v>50082190363229.664</c:v>
                </c:pt>
                <c:pt idx="80">
                  <c:v>45532068172229.609</c:v>
                </c:pt>
                <c:pt idx="81">
                  <c:v>89010372304434.703</c:v>
                </c:pt>
                <c:pt idx="82">
                  <c:v>66657976644404.289</c:v>
                </c:pt>
                <c:pt idx="83">
                  <c:v>44821012075814.141</c:v>
                </c:pt>
                <c:pt idx="84">
                  <c:v>89541724047348.016</c:v>
                </c:pt>
                <c:pt idx="85">
                  <c:v>73696297652499.938</c:v>
                </c:pt>
                <c:pt idx="86">
                  <c:v>49043566862756.023</c:v>
                </c:pt>
                <c:pt idx="87">
                  <c:v>94581406271144.625</c:v>
                </c:pt>
                <c:pt idx="88">
                  <c:v>71833183413865.297</c:v>
                </c:pt>
                <c:pt idx="89">
                  <c:v>57929081458013.266</c:v>
                </c:pt>
                <c:pt idx="90">
                  <c:v>100943895624208.95</c:v>
                </c:pt>
                <c:pt idx="91">
                  <c:v>63141303742149.133</c:v>
                </c:pt>
                <c:pt idx="92">
                  <c:v>75482992764063.906</c:v>
                </c:pt>
                <c:pt idx="93">
                  <c:v>98509628013978.328</c:v>
                </c:pt>
                <c:pt idx="94">
                  <c:v>58019829171409.695</c:v>
                </c:pt>
                <c:pt idx="95">
                  <c:v>98858887305668.547</c:v>
                </c:pt>
                <c:pt idx="96">
                  <c:v>79808434761150.422</c:v>
                </c:pt>
                <c:pt idx="97">
                  <c:v>73853713093939.813</c:v>
                </c:pt>
                <c:pt idx="98">
                  <c:v>104514698741472.5</c:v>
                </c:pt>
                <c:pt idx="99">
                  <c:v>64652770591372.602</c:v>
                </c:pt>
                <c:pt idx="100">
                  <c:v>103968421387803.19</c:v>
                </c:pt>
                <c:pt idx="101">
                  <c:v>79705348542862.375</c:v>
                </c:pt>
                <c:pt idx="102">
                  <c:v>87242582966494.984</c:v>
                </c:pt>
                <c:pt idx="103">
                  <c:v>100216719868177.02</c:v>
                </c:pt>
                <c:pt idx="104">
                  <c:v>74360586835213.297</c:v>
                </c:pt>
                <c:pt idx="105">
                  <c:v>110397976485197.78</c:v>
                </c:pt>
                <c:pt idx="106">
                  <c:v>73913216528820.359</c:v>
                </c:pt>
                <c:pt idx="107">
                  <c:v>108935067622967.14</c:v>
                </c:pt>
                <c:pt idx="108">
                  <c:v>82963509866823.75</c:v>
                </c:pt>
                <c:pt idx="109">
                  <c:v>100968572633992.19</c:v>
                </c:pt>
                <c:pt idx="110">
                  <c:v>94566878676675.453</c:v>
                </c:pt>
                <c:pt idx="111">
                  <c:v>93216210407329.875</c:v>
                </c:pt>
                <c:pt idx="112">
                  <c:v>104192902573573.31</c:v>
                </c:pt>
                <c:pt idx="113">
                  <c:v>88045182808880.547</c:v>
                </c:pt>
                <c:pt idx="114">
                  <c:v>110557979032502.02</c:v>
                </c:pt>
                <c:pt idx="115">
                  <c:v>86526352658350.781</c:v>
                </c:pt>
                <c:pt idx="116">
                  <c:v>114097736879393.11</c:v>
                </c:pt>
                <c:pt idx="117">
                  <c:v>86904269122692.5</c:v>
                </c:pt>
                <c:pt idx="118">
                  <c:v>115517261966359.67</c:v>
                </c:pt>
                <c:pt idx="119">
                  <c:v>88420711175501.297</c:v>
                </c:pt>
                <c:pt idx="120">
                  <c:v>116228119054631.72</c:v>
                </c:pt>
                <c:pt idx="121">
                  <c:v>90710299865470.5</c:v>
                </c:pt>
                <c:pt idx="122">
                  <c:v>118565071682733.27</c:v>
                </c:pt>
                <c:pt idx="123">
                  <c:v>573300669463394.5</c:v>
                </c:pt>
                <c:pt idx="124">
                  <c:v>630111338714756.5</c:v>
                </c:pt>
                <c:pt idx="125">
                  <c:v>188070781331122.75</c:v>
                </c:pt>
                <c:pt idx="126">
                  <c:v>149227550641811.09</c:v>
                </c:pt>
                <c:pt idx="127">
                  <c:v>127741536183660.64</c:v>
                </c:pt>
                <c:pt idx="128">
                  <c:v>128554683457647.09</c:v>
                </c:pt>
                <c:pt idx="129">
                  <c:v>129822763347476.19</c:v>
                </c:pt>
                <c:pt idx="130">
                  <c:v>130516903751701.53</c:v>
                </c:pt>
                <c:pt idx="131">
                  <c:v>131430749146255.06</c:v>
                </c:pt>
                <c:pt idx="132">
                  <c:v>132272553592893.03</c:v>
                </c:pt>
                <c:pt idx="133">
                  <c:v>133290679254595.11</c:v>
                </c:pt>
                <c:pt idx="134">
                  <c:v>133881136416102.16</c:v>
                </c:pt>
                <c:pt idx="135">
                  <c:v>134809907421411.69</c:v>
                </c:pt>
                <c:pt idx="136">
                  <c:v>135656090047204.73</c:v>
                </c:pt>
                <c:pt idx="137">
                  <c:v>136564562221886.13</c:v>
                </c:pt>
                <c:pt idx="138">
                  <c:v>137029644253042.84</c:v>
                </c:pt>
                <c:pt idx="139">
                  <c:v>137824880794122.09</c:v>
                </c:pt>
                <c:pt idx="140">
                  <c:v>138440611989842.63</c:v>
                </c:pt>
                <c:pt idx="141">
                  <c:v>139269480907158.72</c:v>
                </c:pt>
                <c:pt idx="142">
                  <c:v>139855360881367.27</c:v>
                </c:pt>
                <c:pt idx="143">
                  <c:v>140780549740095.38</c:v>
                </c:pt>
                <c:pt idx="144">
                  <c:v>141321055857605.69</c:v>
                </c:pt>
                <c:pt idx="145">
                  <c:v>141989524211330.72</c:v>
                </c:pt>
                <c:pt idx="146">
                  <c:v>142763864897351.59</c:v>
                </c:pt>
                <c:pt idx="147">
                  <c:v>143318500593044.28</c:v>
                </c:pt>
                <c:pt idx="148">
                  <c:v>143777214363611.75</c:v>
                </c:pt>
                <c:pt idx="149">
                  <c:v>144677726212556.63</c:v>
                </c:pt>
                <c:pt idx="150">
                  <c:v>145195147385431.03</c:v>
                </c:pt>
                <c:pt idx="151">
                  <c:v>145859038551857.56</c:v>
                </c:pt>
                <c:pt idx="152">
                  <c:v>146426012752441.84</c:v>
                </c:pt>
                <c:pt idx="153">
                  <c:v>146987812741297.38</c:v>
                </c:pt>
                <c:pt idx="154">
                  <c:v>147602349888157.44</c:v>
                </c:pt>
                <c:pt idx="155">
                  <c:v>147863448572315.59</c:v>
                </c:pt>
                <c:pt idx="156">
                  <c:v>148544852455362.47</c:v>
                </c:pt>
                <c:pt idx="157">
                  <c:v>149134314576152.47</c:v>
                </c:pt>
                <c:pt idx="158">
                  <c:v>149444369263590.28</c:v>
                </c:pt>
                <c:pt idx="159">
                  <c:v>150196819053835.69</c:v>
                </c:pt>
                <c:pt idx="160">
                  <c:v>150598616495387</c:v>
                </c:pt>
                <c:pt idx="161">
                  <c:v>151168376809979.06</c:v>
                </c:pt>
                <c:pt idx="162">
                  <c:v>151585696886716.63</c:v>
                </c:pt>
                <c:pt idx="163">
                  <c:v>152042022559563.16</c:v>
                </c:pt>
                <c:pt idx="164">
                  <c:v>152568399098891.13</c:v>
                </c:pt>
                <c:pt idx="165">
                  <c:v>153122636778296.97</c:v>
                </c:pt>
                <c:pt idx="166">
                  <c:v>153745134250893.56</c:v>
                </c:pt>
                <c:pt idx="167">
                  <c:v>154112901299921.19</c:v>
                </c:pt>
                <c:pt idx="168">
                  <c:v>154575197217070.13</c:v>
                </c:pt>
                <c:pt idx="169">
                  <c:v>155209436170128.09</c:v>
                </c:pt>
                <c:pt idx="170">
                  <c:v>155436902478049.41</c:v>
                </c:pt>
                <c:pt idx="171">
                  <c:v>155904571615070.5</c:v>
                </c:pt>
                <c:pt idx="172">
                  <c:v>156217810432802.91</c:v>
                </c:pt>
                <c:pt idx="173">
                  <c:v>156730057393948.56</c:v>
                </c:pt>
                <c:pt idx="174">
                  <c:v>157343201483804.72</c:v>
                </c:pt>
                <c:pt idx="175">
                  <c:v>157655843277106.91</c:v>
                </c:pt>
                <c:pt idx="176">
                  <c:v>159380248839782.53</c:v>
                </c:pt>
                <c:pt idx="177">
                  <c:v>175051543109144.03</c:v>
                </c:pt>
                <c:pt idx="178">
                  <c:v>275773544653447.22</c:v>
                </c:pt>
                <c:pt idx="179">
                  <c:v>548770925706279.94</c:v>
                </c:pt>
                <c:pt idx="180">
                  <c:v>319538369921398.75</c:v>
                </c:pt>
                <c:pt idx="181">
                  <c:v>186547359181694.84</c:v>
                </c:pt>
                <c:pt idx="182">
                  <c:v>148422051987166.88</c:v>
                </c:pt>
                <c:pt idx="183">
                  <c:v>118963387349072.73</c:v>
                </c:pt>
                <c:pt idx="184">
                  <c:v>113518340746633.42</c:v>
                </c:pt>
                <c:pt idx="185">
                  <c:v>83348143159575.094</c:v>
                </c:pt>
                <c:pt idx="186">
                  <c:v>64997432756874.906</c:v>
                </c:pt>
                <c:pt idx="187">
                  <c:v>57044021039306.828</c:v>
                </c:pt>
                <c:pt idx="188">
                  <c:v>54199071826019.125</c:v>
                </c:pt>
                <c:pt idx="189">
                  <c:v>32769675935139.266</c:v>
                </c:pt>
                <c:pt idx="190">
                  <c:v>45292661375703.492</c:v>
                </c:pt>
                <c:pt idx="191">
                  <c:v>72556976031459.203</c:v>
                </c:pt>
                <c:pt idx="192">
                  <c:v>60995398931724.289</c:v>
                </c:pt>
                <c:pt idx="193">
                  <c:v>38643998312410.945</c:v>
                </c:pt>
                <c:pt idx="194">
                  <c:v>59895281914935.961</c:v>
                </c:pt>
                <c:pt idx="195">
                  <c:v>79198275793445.469</c:v>
                </c:pt>
                <c:pt idx="196">
                  <c:v>52644818225961.805</c:v>
                </c:pt>
                <c:pt idx="197">
                  <c:v>51420520127683.625</c:v>
                </c:pt>
                <c:pt idx="198">
                  <c:v>82442506547367.922</c:v>
                </c:pt>
                <c:pt idx="199">
                  <c:v>65864332168472.336</c:v>
                </c:pt>
                <c:pt idx="200">
                  <c:v>52112670450474.836</c:v>
                </c:pt>
                <c:pt idx="201">
                  <c:v>83706009249898.516</c:v>
                </c:pt>
                <c:pt idx="202">
                  <c:v>71828208210279.969</c:v>
                </c:pt>
                <c:pt idx="203">
                  <c:v>56635528525827.281</c:v>
                </c:pt>
                <c:pt idx="204">
                  <c:v>87814532370664.609</c:v>
                </c:pt>
                <c:pt idx="205">
                  <c:v>71737261488740.125</c:v>
                </c:pt>
                <c:pt idx="206">
                  <c:v>64587694928476.477</c:v>
                </c:pt>
                <c:pt idx="207">
                  <c:v>92338186478590.703</c:v>
                </c:pt>
                <c:pt idx="208">
                  <c:v>67720282113944.102</c:v>
                </c:pt>
                <c:pt idx="209">
                  <c:v>77577951489774.969</c:v>
                </c:pt>
                <c:pt idx="210">
                  <c:v>91201650971557.766</c:v>
                </c:pt>
                <c:pt idx="211">
                  <c:v>66688424890346.516</c:v>
                </c:pt>
                <c:pt idx="212">
                  <c:v>92949539495156.141</c:v>
                </c:pt>
                <c:pt idx="213">
                  <c:v>80318691640861.953</c:v>
                </c:pt>
                <c:pt idx="214">
                  <c:v>78539359830604.266</c:v>
                </c:pt>
                <c:pt idx="215">
                  <c:v>96360141056972.047</c:v>
                </c:pt>
                <c:pt idx="216">
                  <c:v>73349426458530.688</c:v>
                </c:pt>
                <c:pt idx="217">
                  <c:v>97181646672981.859</c:v>
                </c:pt>
                <c:pt idx="218">
                  <c:v>82588379516489.813</c:v>
                </c:pt>
                <c:pt idx="219">
                  <c:v>88423497289509.094</c:v>
                </c:pt>
                <c:pt idx="220">
                  <c:v>95183405904969.641</c:v>
                </c:pt>
                <c:pt idx="221">
                  <c:v>81922100252342.328</c:v>
                </c:pt>
                <c:pt idx="222">
                  <c:v>101874258694665.8</c:v>
                </c:pt>
                <c:pt idx="223">
                  <c:v>82342206443087.656</c:v>
                </c:pt>
                <c:pt idx="224">
                  <c:v>101770177435660.67</c:v>
                </c:pt>
                <c:pt idx="225">
                  <c:v>87649355611631.625</c:v>
                </c:pt>
                <c:pt idx="226">
                  <c:v>98377088590465.125</c:v>
                </c:pt>
                <c:pt idx="227">
                  <c:v>94583396352578.75</c:v>
                </c:pt>
                <c:pt idx="228">
                  <c:v>95024796414669.297</c:v>
                </c:pt>
                <c:pt idx="229">
                  <c:v>100439807996943.23</c:v>
                </c:pt>
                <c:pt idx="230">
                  <c:v>93052824721587.609</c:v>
                </c:pt>
                <c:pt idx="231">
                  <c:v>104213997436775.11</c:v>
                </c:pt>
                <c:pt idx="232">
                  <c:v>92969241301354.047</c:v>
                </c:pt>
                <c:pt idx="233">
                  <c:v>106487267458984.42</c:v>
                </c:pt>
                <c:pt idx="234">
                  <c:v>94317720481122.094</c:v>
                </c:pt>
                <c:pt idx="235">
                  <c:v>107929678482443.5</c:v>
                </c:pt>
                <c:pt idx="236">
                  <c:v>95838540713085.984</c:v>
                </c:pt>
                <c:pt idx="237">
                  <c:v>108863623699481.78</c:v>
                </c:pt>
                <c:pt idx="238">
                  <c:v>97629414995661.625</c:v>
                </c:pt>
                <c:pt idx="239">
                  <c:v>112161984668412.64</c:v>
                </c:pt>
                <c:pt idx="240">
                  <c:v>962224274217301</c:v>
                </c:pt>
                <c:pt idx="241">
                  <c:v>971827033700928.75</c:v>
                </c:pt>
                <c:pt idx="242">
                  <c:v>188035786508635.41</c:v>
                </c:pt>
                <c:pt idx="243">
                  <c:v>149197151524788.53</c:v>
                </c:pt>
                <c:pt idx="244">
                  <c:v>127763825095722.92</c:v>
                </c:pt>
                <c:pt idx="245">
                  <c:v>128805632726491.17</c:v>
                </c:pt>
                <c:pt idx="246">
                  <c:v>129665347906036.31</c:v>
                </c:pt>
                <c:pt idx="247">
                  <c:v>130685264641029.11</c:v>
                </c:pt>
                <c:pt idx="248">
                  <c:v>131423982869379.02</c:v>
                </c:pt>
                <c:pt idx="249">
                  <c:v>132131854835499.88</c:v>
                </c:pt>
                <c:pt idx="250">
                  <c:v>133114358039530.98</c:v>
                </c:pt>
                <c:pt idx="251">
                  <c:v>133945416046424.63</c:v>
                </c:pt>
                <c:pt idx="252">
                  <c:v>134856873343257.2</c:v>
                </c:pt>
                <c:pt idx="253">
                  <c:v>135631612045564.91</c:v>
                </c:pt>
                <c:pt idx="254">
                  <c:v>136467844264187.3</c:v>
                </c:pt>
                <c:pt idx="255">
                  <c:v>137384276764605.22</c:v>
                </c:pt>
                <c:pt idx="256">
                  <c:v>138033839344705.98</c:v>
                </c:pt>
                <c:pt idx="257">
                  <c:v>138717034301043.61</c:v>
                </c:pt>
                <c:pt idx="258">
                  <c:v>139157041306130.25</c:v>
                </c:pt>
                <c:pt idx="259">
                  <c:v>139977750889566.41</c:v>
                </c:pt>
                <c:pt idx="260">
                  <c:v>140693185165136.97</c:v>
                </c:pt>
                <c:pt idx="261">
                  <c:v>141271701838039.22</c:v>
                </c:pt>
                <c:pt idx="262">
                  <c:v>142031713937734.34</c:v>
                </c:pt>
                <c:pt idx="263">
                  <c:v>142648241166028.53</c:v>
                </c:pt>
                <c:pt idx="264">
                  <c:v>143375217913917.03</c:v>
                </c:pt>
                <c:pt idx="265">
                  <c:v>143768059989014.75</c:v>
                </c:pt>
                <c:pt idx="266">
                  <c:v>144511156396519.75</c:v>
                </c:pt>
                <c:pt idx="267">
                  <c:v>145274551634652.91</c:v>
                </c:pt>
                <c:pt idx="268">
                  <c:v>145715752688600.03</c:v>
                </c:pt>
                <c:pt idx="269">
                  <c:v>146045310174092.34</c:v>
                </c:pt>
                <c:pt idx="270">
                  <c:v>147046918159891.09</c:v>
                </c:pt>
                <c:pt idx="271">
                  <c:v>147447322544438.53</c:v>
                </c:pt>
                <c:pt idx="272">
                  <c:v>147806532243299.41</c:v>
                </c:pt>
                <c:pt idx="273">
                  <c:v>148516991315284.63</c:v>
                </c:pt>
                <c:pt idx="274">
                  <c:v>148966749719398.53</c:v>
                </c:pt>
                <c:pt idx="275">
                  <c:v>149675815734379.84</c:v>
                </c:pt>
                <c:pt idx="276">
                  <c:v>150179704353502.16</c:v>
                </c:pt>
                <c:pt idx="277">
                  <c:v>150809167111118.19</c:v>
                </c:pt>
                <c:pt idx="278">
                  <c:v>151051559029795.5</c:v>
                </c:pt>
                <c:pt idx="279">
                  <c:v>151670673363954.06</c:v>
                </c:pt>
                <c:pt idx="280">
                  <c:v>152155258193165.28</c:v>
                </c:pt>
                <c:pt idx="281">
                  <c:v>152724023467040.28</c:v>
                </c:pt>
                <c:pt idx="282">
                  <c:v>153241842656201.5</c:v>
                </c:pt>
                <c:pt idx="283">
                  <c:v>153683839742722.28</c:v>
                </c:pt>
                <c:pt idx="284">
                  <c:v>154099766762455.94</c:v>
                </c:pt>
                <c:pt idx="285">
                  <c:v>154506738415735.97</c:v>
                </c:pt>
                <c:pt idx="286">
                  <c:v>154798882370266.59</c:v>
                </c:pt>
                <c:pt idx="287">
                  <c:v>155453022137665.88</c:v>
                </c:pt>
                <c:pt idx="288">
                  <c:v>155842680082468.97</c:v>
                </c:pt>
                <c:pt idx="289">
                  <c:v>156305175007761.31</c:v>
                </c:pt>
                <c:pt idx="290">
                  <c:v>156795332064988.09</c:v>
                </c:pt>
                <c:pt idx="291">
                  <c:v>157097824442976.22</c:v>
                </c:pt>
                <c:pt idx="292">
                  <c:v>157675943099591.63</c:v>
                </c:pt>
                <c:pt idx="293">
                  <c:v>159008103611599.78</c:v>
                </c:pt>
                <c:pt idx="294">
                  <c:v>173262658908002.53</c:v>
                </c:pt>
                <c:pt idx="295">
                  <c:v>267431123281564.69</c:v>
                </c:pt>
                <c:pt idx="296">
                  <c:v>531875134330496.81</c:v>
                </c:pt>
                <c:pt idx="297">
                  <c:v>321317107999488.63</c:v>
                </c:pt>
                <c:pt idx="298">
                  <c:v>185843446932646.44</c:v>
                </c:pt>
                <c:pt idx="299">
                  <c:v>148418154664471.69</c:v>
                </c:pt>
                <c:pt idx="300">
                  <c:v>116525794842178.94</c:v>
                </c:pt>
                <c:pt idx="301">
                  <c:v>83453838551068.953</c:v>
                </c:pt>
                <c:pt idx="302">
                  <c:v>65226046474271.641</c:v>
                </c:pt>
                <c:pt idx="303">
                  <c:v>56646650017304.109</c:v>
                </c:pt>
                <c:pt idx="304">
                  <c:v>53937376117430.727</c:v>
                </c:pt>
                <c:pt idx="305">
                  <c:v>36535706041091.203</c:v>
                </c:pt>
                <c:pt idx="306">
                  <c:v>46092674112224.672</c:v>
                </c:pt>
                <c:pt idx="307">
                  <c:v>68680695414056.344</c:v>
                </c:pt>
                <c:pt idx="308">
                  <c:v>60831814237838.617</c:v>
                </c:pt>
                <c:pt idx="309">
                  <c:v>42642867946156.359</c:v>
                </c:pt>
                <c:pt idx="310">
                  <c:v>58952182323300.672</c:v>
                </c:pt>
                <c:pt idx="311">
                  <c:v>75383289684213.875</c:v>
                </c:pt>
                <c:pt idx="312">
                  <c:v>55494216823352.414</c:v>
                </c:pt>
                <c:pt idx="313">
                  <c:v>53578763443000.086</c:v>
                </c:pt>
                <c:pt idx="314">
                  <c:v>78412790651393.453</c:v>
                </c:pt>
                <c:pt idx="315">
                  <c:v>66728823543459.398</c:v>
                </c:pt>
                <c:pt idx="316">
                  <c:v>55354513106676.328</c:v>
                </c:pt>
                <c:pt idx="317">
                  <c:v>80203067909538.859</c:v>
                </c:pt>
                <c:pt idx="318">
                  <c:v>72241349116005.828</c:v>
                </c:pt>
                <c:pt idx="319">
                  <c:v>60010308621828.805</c:v>
                </c:pt>
                <c:pt idx="320">
                  <c:v>84004919481305.172</c:v>
                </c:pt>
                <c:pt idx="321">
                  <c:v>73117382963310.859</c:v>
                </c:pt>
                <c:pt idx="322">
                  <c:v>66866537178701.352</c:v>
                </c:pt>
                <c:pt idx="323">
                  <c:v>88427875468664.188</c:v>
                </c:pt>
                <c:pt idx="324">
                  <c:v>70803515279845.25</c:v>
                </c:pt>
                <c:pt idx="325">
                  <c:v>77322823049919.203</c:v>
                </c:pt>
                <c:pt idx="326">
                  <c:v>88432850672249.516</c:v>
                </c:pt>
                <c:pt idx="327">
                  <c:v>70616049608750</c:v>
                </c:pt>
                <c:pt idx="328">
                  <c:v>89660929925252.547</c:v>
                </c:pt>
                <c:pt idx="329">
                  <c:v>81670354950924.594</c:v>
                </c:pt>
                <c:pt idx="330">
                  <c:v>79539972775685.984</c:v>
                </c:pt>
                <c:pt idx="331">
                  <c:v>93501787093127.859</c:v>
                </c:pt>
                <c:pt idx="332">
                  <c:v>77213766587328.75</c:v>
                </c:pt>
                <c:pt idx="333">
                  <c:v>93891246029787.547</c:v>
                </c:pt>
                <c:pt idx="334">
                  <c:v>84703239056542.203</c:v>
                </c:pt>
                <c:pt idx="335">
                  <c:v>88057919330058.984</c:v>
                </c:pt>
                <c:pt idx="336">
                  <c:v>93884678761054.906</c:v>
                </c:pt>
                <c:pt idx="337">
                  <c:v>84322337470049.281</c:v>
                </c:pt>
                <c:pt idx="338">
                  <c:v>98589629287630.453</c:v>
                </c:pt>
                <c:pt idx="339">
                  <c:v>85828829115687.422</c:v>
                </c:pt>
                <c:pt idx="340">
                  <c:v>98956600304084.453</c:v>
                </c:pt>
                <c:pt idx="341">
                  <c:v>90351289174753.031</c:v>
                </c:pt>
                <c:pt idx="342">
                  <c:v>96872189009974.297</c:v>
                </c:pt>
                <c:pt idx="343">
                  <c:v>95477539940934.391</c:v>
                </c:pt>
                <c:pt idx="344">
                  <c:v>95256839909889.109</c:v>
                </c:pt>
                <c:pt idx="345">
                  <c:v>99462479004640.875</c:v>
                </c:pt>
                <c:pt idx="346">
                  <c:v>94819420010666.844</c:v>
                </c:pt>
                <c:pt idx="347">
                  <c:v>102465511888746.48</c:v>
                </c:pt>
                <c:pt idx="348">
                  <c:v>95355348940878.656</c:v>
                </c:pt>
                <c:pt idx="349">
                  <c:v>104466538770766.5</c:v>
                </c:pt>
                <c:pt idx="350">
                  <c:v>96764525604387.734</c:v>
                </c:pt>
                <c:pt idx="351">
                  <c:v>105275705881884.69</c:v>
                </c:pt>
                <c:pt idx="352">
                  <c:v>98750427867508.344</c:v>
                </c:pt>
                <c:pt idx="353">
                  <c:v>106187163178717.28</c:v>
                </c:pt>
                <c:pt idx="354">
                  <c:v>100709265023124.75</c:v>
                </c:pt>
                <c:pt idx="355">
                  <c:v>114761628045819.64</c:v>
                </c:pt>
                <c:pt idx="356">
                  <c:v>789688194040900.13</c:v>
                </c:pt>
                <c:pt idx="357">
                  <c:v>224375113325268.06</c:v>
                </c:pt>
                <c:pt idx="358">
                  <c:v>52840460899022.727</c:v>
                </c:pt>
                <c:pt idx="359">
                  <c:v>31769936550310.367</c:v>
                </c:pt>
                <c:pt idx="360">
                  <c:v>19304865140854.16</c:v>
                </c:pt>
                <c:pt idx="361">
                  <c:v>13553641568534.463</c:v>
                </c:pt>
                <c:pt idx="362">
                  <c:v>9645663080175.4336</c:v>
                </c:pt>
                <c:pt idx="363">
                  <c:v>7374773872037.3896</c:v>
                </c:pt>
                <c:pt idx="364">
                  <c:v>5690817874896.3789</c:v>
                </c:pt>
                <c:pt idx="365">
                  <c:v>5106342088404.8682</c:v>
                </c:pt>
                <c:pt idx="366">
                  <c:v>5177235735765.3018</c:v>
                </c:pt>
                <c:pt idx="367">
                  <c:v>6051416788799.5898</c:v>
                </c:pt>
                <c:pt idx="368">
                  <c:v>6928523405919.2031</c:v>
                </c:pt>
                <c:pt idx="369">
                  <c:v>7850047962372.7441</c:v>
                </c:pt>
                <c:pt idx="370">
                  <c:v>8664930081831.4023</c:v>
                </c:pt>
                <c:pt idx="371">
                  <c:v>9485832112004.0957</c:v>
                </c:pt>
                <c:pt idx="372">
                  <c:v>10297268254535.326</c:v>
                </c:pt>
                <c:pt idx="373">
                  <c:v>11044904595667.352</c:v>
                </c:pt>
                <c:pt idx="374">
                  <c:v>11798195152002.744</c:v>
                </c:pt>
                <c:pt idx="375">
                  <c:v>12572625721897.002</c:v>
                </c:pt>
                <c:pt idx="376">
                  <c:v>13289712422676.496</c:v>
                </c:pt>
                <c:pt idx="377">
                  <c:v>13995771997288.227</c:v>
                </c:pt>
                <c:pt idx="378">
                  <c:v>14772832761816.887</c:v>
                </c:pt>
                <c:pt idx="379">
                  <c:v>15566532672080.834</c:v>
                </c:pt>
                <c:pt idx="380">
                  <c:v>16392160613468.283</c:v>
                </c:pt>
                <c:pt idx="381">
                  <c:v>17167575748198.949</c:v>
                </c:pt>
                <c:pt idx="382">
                  <c:v>17842846573855.02</c:v>
                </c:pt>
                <c:pt idx="383">
                  <c:v>18461575247477.402</c:v>
                </c:pt>
                <c:pt idx="384">
                  <c:v>17676817360559.855</c:v>
                </c:pt>
                <c:pt idx="385">
                  <c:v>28700882702781.664</c:v>
                </c:pt>
                <c:pt idx="386">
                  <c:v>31136488526255.02</c:v>
                </c:pt>
                <c:pt idx="387">
                  <c:v>33529663404353</c:v>
                </c:pt>
                <c:pt idx="388">
                  <c:v>36047522658820.422</c:v>
                </c:pt>
                <c:pt idx="389">
                  <c:v>38210979181013.195</c:v>
                </c:pt>
                <c:pt idx="390">
                  <c:v>40026988863615.813</c:v>
                </c:pt>
                <c:pt idx="391">
                  <c:v>41433296467102.109</c:v>
                </c:pt>
                <c:pt idx="392">
                  <c:v>42268525281191.961</c:v>
                </c:pt>
                <c:pt idx="393">
                  <c:v>42297740030466.813</c:v>
                </c:pt>
                <c:pt idx="394">
                  <c:v>41521288509560.875</c:v>
                </c:pt>
                <c:pt idx="395">
                  <c:v>39853265443820.734</c:v>
                </c:pt>
                <c:pt idx="396">
                  <c:v>37552430041109.328</c:v>
                </c:pt>
                <c:pt idx="397">
                  <c:v>34149781237175.074</c:v>
                </c:pt>
                <c:pt idx="398">
                  <c:v>30246134262640.598</c:v>
                </c:pt>
                <c:pt idx="399">
                  <c:v>25516822826457.434</c:v>
                </c:pt>
                <c:pt idx="400">
                  <c:v>20521622392409.73</c:v>
                </c:pt>
                <c:pt idx="401">
                  <c:v>14734476186501.395</c:v>
                </c:pt>
                <c:pt idx="402">
                  <c:v>8984352719406.2461</c:v>
                </c:pt>
                <c:pt idx="403">
                  <c:v>6013143137429.2578</c:v>
                </c:pt>
                <c:pt idx="404">
                  <c:v>2923474746631.6089</c:v>
                </c:pt>
                <c:pt idx="405">
                  <c:v>543291737.09508014</c:v>
                </c:pt>
                <c:pt idx="406">
                  <c:v>0.17389731711219159</c:v>
                </c:pt>
                <c:pt idx="407">
                  <c:v>0.17389731711219159</c:v>
                </c:pt>
                <c:pt idx="408">
                  <c:v>0.17389731711219159</c:v>
                </c:pt>
                <c:pt idx="409">
                  <c:v>0.17389731711219159</c:v>
                </c:pt>
                <c:pt idx="410">
                  <c:v>0.17389731711219159</c:v>
                </c:pt>
                <c:pt idx="411">
                  <c:v>0.17389731711219159</c:v>
                </c:pt>
                <c:pt idx="412">
                  <c:v>0.17389731711219159</c:v>
                </c:pt>
                <c:pt idx="413">
                  <c:v>0.17389731711219159</c:v>
                </c:pt>
                <c:pt idx="414">
                  <c:v>0.17389731711219159</c:v>
                </c:pt>
                <c:pt idx="415">
                  <c:v>0.17389731711219159</c:v>
                </c:pt>
                <c:pt idx="416">
                  <c:v>0.17389731711219159</c:v>
                </c:pt>
                <c:pt idx="417">
                  <c:v>0.17389731711219159</c:v>
                </c:pt>
                <c:pt idx="418">
                  <c:v>0.17389731711219159</c:v>
                </c:pt>
                <c:pt idx="419">
                  <c:v>0.17389731711219159</c:v>
                </c:pt>
                <c:pt idx="420">
                  <c:v>0.17389731711219159</c:v>
                </c:pt>
                <c:pt idx="421">
                  <c:v>0.17389731711219159</c:v>
                </c:pt>
                <c:pt idx="422">
                  <c:v>4.8699954709042117E-3</c:v>
                </c:pt>
                <c:pt idx="423">
                  <c:v>0.14065211948678855</c:v>
                </c:pt>
                <c:pt idx="424">
                  <c:v>0.14065211948678855</c:v>
                </c:pt>
                <c:pt idx="425">
                  <c:v>0.14065211948678855</c:v>
                </c:pt>
                <c:pt idx="426">
                  <c:v>0.14065211948678855</c:v>
                </c:pt>
                <c:pt idx="427">
                  <c:v>0.14065211948678855</c:v>
                </c:pt>
                <c:pt idx="428">
                  <c:v>0.14065211948678855</c:v>
                </c:pt>
                <c:pt idx="429">
                  <c:v>0.14065211948678855</c:v>
                </c:pt>
                <c:pt idx="430">
                  <c:v>0.14065211948678855</c:v>
                </c:pt>
                <c:pt idx="431">
                  <c:v>0.14065211948678855</c:v>
                </c:pt>
                <c:pt idx="432">
                  <c:v>0.14065211948678855</c:v>
                </c:pt>
                <c:pt idx="433">
                  <c:v>0.14065211948678855</c:v>
                </c:pt>
                <c:pt idx="434">
                  <c:v>0.14065211948678855</c:v>
                </c:pt>
                <c:pt idx="435">
                  <c:v>0.14065211948678855</c:v>
                </c:pt>
                <c:pt idx="436">
                  <c:v>0.14065211948678855</c:v>
                </c:pt>
                <c:pt idx="437">
                  <c:v>0.14065211948678855</c:v>
                </c:pt>
                <c:pt idx="438">
                  <c:v>0.14065211948678855</c:v>
                </c:pt>
                <c:pt idx="439">
                  <c:v>0.14065211948678855</c:v>
                </c:pt>
                <c:pt idx="440">
                  <c:v>0.14065211948678855</c:v>
                </c:pt>
                <c:pt idx="441">
                  <c:v>4.7807088835132468E-3</c:v>
                </c:pt>
                <c:pt idx="442">
                  <c:v>11834494.528002841</c:v>
                </c:pt>
                <c:pt idx="443">
                  <c:v>101701551532.74455</c:v>
                </c:pt>
                <c:pt idx="444">
                  <c:v>27335346470505.773</c:v>
                </c:pt>
                <c:pt idx="445">
                  <c:v>63409084881390.352</c:v>
                </c:pt>
                <c:pt idx="446">
                  <c:v>57400401006244.57</c:v>
                </c:pt>
                <c:pt idx="447">
                  <c:v>48492570477663.172</c:v>
                </c:pt>
                <c:pt idx="448">
                  <c:v>39936837213838.445</c:v>
                </c:pt>
                <c:pt idx="449">
                  <c:v>33398638066444.457</c:v>
                </c:pt>
                <c:pt idx="450">
                  <c:v>32352266251572.855</c:v>
                </c:pt>
                <c:pt idx="451">
                  <c:v>32207835420598.813</c:v>
                </c:pt>
                <c:pt idx="452">
                  <c:v>25940916118557.871</c:v>
                </c:pt>
                <c:pt idx="453">
                  <c:v>25427719094435.957</c:v>
                </c:pt>
                <c:pt idx="454">
                  <c:v>22938834049534.695</c:v>
                </c:pt>
                <c:pt idx="455">
                  <c:v>17293362900200.79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F1B1-4E02-8561-C33805E31931}"/>
            </c:ext>
          </c:extLst>
        </c:ser>
        <c:ser>
          <c:idx val="3"/>
          <c:order val="1"/>
          <c:tx>
            <c:strRef>
              <c:f>'flux int'!$P$1</c:f>
              <c:strCache>
                <c:ptCount val="1"/>
                <c:pt idx="0">
                  <c:v>Flux int (Ph/s/cm2)</c:v>
                </c:pt>
              </c:strCache>
            </c:strRef>
          </c:tx>
          <c:spPr>
            <a:ln w="19050" cap="rnd">
              <a:solidFill>
                <a:schemeClr val="accent4"/>
              </a:solidFill>
              <a:round/>
            </a:ln>
            <a:effectLst/>
          </c:spPr>
          <c:marker>
            <c:symbol val="circle"/>
            <c:size val="3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xVal>
            <c:numRef>
              <c:f>'flux int'!$M$2:$M$457</c:f>
              <c:numCache>
                <c:formatCode>General</c:formatCode>
                <c:ptCount val="456"/>
                <c:pt idx="0">
                  <c:v>0.05</c:v>
                </c:pt>
                <c:pt idx="1">
                  <c:v>1.1500000000000001</c:v>
                </c:pt>
                <c:pt idx="2">
                  <c:v>3.25</c:v>
                </c:pt>
                <c:pt idx="3">
                  <c:v>4.3499999999999996</c:v>
                </c:pt>
                <c:pt idx="4">
                  <c:v>4.5299999999999994</c:v>
                </c:pt>
                <c:pt idx="5">
                  <c:v>4.7099999999999991</c:v>
                </c:pt>
                <c:pt idx="6">
                  <c:v>6.4994999999999994</c:v>
                </c:pt>
                <c:pt idx="7">
                  <c:v>8.2889999999999997</c:v>
                </c:pt>
                <c:pt idx="8">
                  <c:v>8.4689999999999994</c:v>
                </c:pt>
                <c:pt idx="9">
                  <c:v>8.6489999999999991</c:v>
                </c:pt>
                <c:pt idx="10">
                  <c:v>10.449</c:v>
                </c:pt>
                <c:pt idx="11">
                  <c:v>12.2042535</c:v>
                </c:pt>
                <c:pt idx="12">
                  <c:v>12.214760500000001</c:v>
                </c:pt>
                <c:pt idx="13">
                  <c:v>12.225267500000001</c:v>
                </c:pt>
                <c:pt idx="14">
                  <c:v>12.235774500000002</c:v>
                </c:pt>
                <c:pt idx="15">
                  <c:v>12.246281500000002</c:v>
                </c:pt>
                <c:pt idx="16">
                  <c:v>12.256788500000003</c:v>
                </c:pt>
                <c:pt idx="17">
                  <c:v>12.267295500000003</c:v>
                </c:pt>
                <c:pt idx="18">
                  <c:v>12.277802500000004</c:v>
                </c:pt>
                <c:pt idx="19">
                  <c:v>12.288309500000004</c:v>
                </c:pt>
                <c:pt idx="20">
                  <c:v>12.298816500000004</c:v>
                </c:pt>
                <c:pt idx="21">
                  <c:v>12.309323500000005</c:v>
                </c:pt>
                <c:pt idx="22">
                  <c:v>12.319830500000005</c:v>
                </c:pt>
                <c:pt idx="23">
                  <c:v>12.330337500000006</c:v>
                </c:pt>
                <c:pt idx="24">
                  <c:v>12.340844500000006</c:v>
                </c:pt>
                <c:pt idx="25">
                  <c:v>12.351351500000007</c:v>
                </c:pt>
                <c:pt idx="26">
                  <c:v>12.361858500000007</c:v>
                </c:pt>
                <c:pt idx="27">
                  <c:v>12.372365500000008</c:v>
                </c:pt>
                <c:pt idx="28">
                  <c:v>12.382872500000008</c:v>
                </c:pt>
                <c:pt idx="29">
                  <c:v>12.393379500000009</c:v>
                </c:pt>
                <c:pt idx="30">
                  <c:v>12.403886500000009</c:v>
                </c:pt>
                <c:pt idx="31">
                  <c:v>12.41439350000001</c:v>
                </c:pt>
                <c:pt idx="32">
                  <c:v>12.42490050000001</c:v>
                </c:pt>
                <c:pt idx="33">
                  <c:v>12.435407500000011</c:v>
                </c:pt>
                <c:pt idx="34">
                  <c:v>12.445914500000011</c:v>
                </c:pt>
                <c:pt idx="35">
                  <c:v>12.456421500000012</c:v>
                </c:pt>
                <c:pt idx="36">
                  <c:v>12.466928500000012</c:v>
                </c:pt>
                <c:pt idx="37">
                  <c:v>12.477435500000013</c:v>
                </c:pt>
                <c:pt idx="38">
                  <c:v>12.487942500000013</c:v>
                </c:pt>
                <c:pt idx="39">
                  <c:v>12.498449500000014</c:v>
                </c:pt>
                <c:pt idx="40">
                  <c:v>12.508956500000014</c:v>
                </c:pt>
                <c:pt idx="41">
                  <c:v>12.519463500000015</c:v>
                </c:pt>
                <c:pt idx="42">
                  <c:v>12.529970500000015</c:v>
                </c:pt>
                <c:pt idx="43">
                  <c:v>12.540477500000016</c:v>
                </c:pt>
                <c:pt idx="44">
                  <c:v>12.550984500000016</c:v>
                </c:pt>
                <c:pt idx="45">
                  <c:v>12.561491500000017</c:v>
                </c:pt>
                <c:pt idx="46">
                  <c:v>12.571998500000017</c:v>
                </c:pt>
                <c:pt idx="47">
                  <c:v>12.582505500000018</c:v>
                </c:pt>
                <c:pt idx="48">
                  <c:v>12.593012500000018</c:v>
                </c:pt>
                <c:pt idx="49">
                  <c:v>12.603519500000019</c:v>
                </c:pt>
                <c:pt idx="50">
                  <c:v>12.614026500000019</c:v>
                </c:pt>
                <c:pt idx="51">
                  <c:v>12.62453350000002</c:v>
                </c:pt>
                <c:pt idx="52">
                  <c:v>12.63504050000002</c:v>
                </c:pt>
                <c:pt idx="53">
                  <c:v>12.645547500000021</c:v>
                </c:pt>
                <c:pt idx="54">
                  <c:v>12.656054500000021</c:v>
                </c:pt>
                <c:pt idx="55">
                  <c:v>12.666561500000022</c:v>
                </c:pt>
                <c:pt idx="56">
                  <c:v>12.677068500000022</c:v>
                </c:pt>
                <c:pt idx="57">
                  <c:v>12.687575500000023</c:v>
                </c:pt>
                <c:pt idx="58">
                  <c:v>12.698082500000023</c:v>
                </c:pt>
                <c:pt idx="59">
                  <c:v>12.708589500000024</c:v>
                </c:pt>
                <c:pt idx="60">
                  <c:v>12.719096500000024</c:v>
                </c:pt>
                <c:pt idx="61">
                  <c:v>12.729603500000024</c:v>
                </c:pt>
                <c:pt idx="62">
                  <c:v>12.740110500000025</c:v>
                </c:pt>
                <c:pt idx="63">
                  <c:v>12.750617500000025</c:v>
                </c:pt>
                <c:pt idx="64">
                  <c:v>12.847871000000026</c:v>
                </c:pt>
                <c:pt idx="65">
                  <c:v>12.989871000000026</c:v>
                </c:pt>
                <c:pt idx="66">
                  <c:v>13.131871000000025</c:v>
                </c:pt>
                <c:pt idx="67">
                  <c:v>13.298871000000025</c:v>
                </c:pt>
                <c:pt idx="68">
                  <c:v>13.465871000000025</c:v>
                </c:pt>
                <c:pt idx="69">
                  <c:v>13.607871000000024</c:v>
                </c:pt>
                <c:pt idx="70">
                  <c:v>13.749871000000024</c:v>
                </c:pt>
                <c:pt idx="71">
                  <c:v>13.847124500000024</c:v>
                </c:pt>
                <c:pt idx="72">
                  <c:v>13.857631500000025</c:v>
                </c:pt>
                <c:pt idx="73">
                  <c:v>13.868138500000025</c:v>
                </c:pt>
                <c:pt idx="74">
                  <c:v>13.878645500000026</c:v>
                </c:pt>
                <c:pt idx="75">
                  <c:v>13.889152500000026</c:v>
                </c:pt>
                <c:pt idx="76">
                  <c:v>13.899659500000027</c:v>
                </c:pt>
                <c:pt idx="77">
                  <c:v>13.910166500000027</c:v>
                </c:pt>
                <c:pt idx="78">
                  <c:v>13.920673500000028</c:v>
                </c:pt>
                <c:pt idx="79">
                  <c:v>13.931180500000028</c:v>
                </c:pt>
                <c:pt idx="80">
                  <c:v>13.941687500000029</c:v>
                </c:pt>
                <c:pt idx="81">
                  <c:v>13.952194500000029</c:v>
                </c:pt>
                <c:pt idx="82">
                  <c:v>13.96270150000003</c:v>
                </c:pt>
                <c:pt idx="83">
                  <c:v>13.97320850000003</c:v>
                </c:pt>
                <c:pt idx="84">
                  <c:v>13.983715500000031</c:v>
                </c:pt>
                <c:pt idx="85">
                  <c:v>13.994222500000031</c:v>
                </c:pt>
                <c:pt idx="86">
                  <c:v>14.004729500000032</c:v>
                </c:pt>
                <c:pt idx="87">
                  <c:v>14.015236500000032</c:v>
                </c:pt>
                <c:pt idx="88">
                  <c:v>14.025743500000033</c:v>
                </c:pt>
                <c:pt idx="89">
                  <c:v>14.036250500000033</c:v>
                </c:pt>
                <c:pt idx="90">
                  <c:v>14.046757500000034</c:v>
                </c:pt>
                <c:pt idx="91">
                  <c:v>14.057264500000034</c:v>
                </c:pt>
                <c:pt idx="92">
                  <c:v>14.067771500000035</c:v>
                </c:pt>
                <c:pt idx="93">
                  <c:v>14.078278500000035</c:v>
                </c:pt>
                <c:pt idx="94">
                  <c:v>14.088785500000036</c:v>
                </c:pt>
                <c:pt idx="95">
                  <c:v>14.099292500000036</c:v>
                </c:pt>
                <c:pt idx="96">
                  <c:v>14.109799500000037</c:v>
                </c:pt>
                <c:pt idx="97">
                  <c:v>14.120306500000037</c:v>
                </c:pt>
                <c:pt idx="98">
                  <c:v>14.130813500000038</c:v>
                </c:pt>
                <c:pt idx="99">
                  <c:v>14.141320500000038</c:v>
                </c:pt>
                <c:pt idx="100">
                  <c:v>14.151827500000039</c:v>
                </c:pt>
                <c:pt idx="101">
                  <c:v>14.162334500000039</c:v>
                </c:pt>
                <c:pt idx="102">
                  <c:v>14.17284150000004</c:v>
                </c:pt>
                <c:pt idx="103">
                  <c:v>14.18334850000004</c:v>
                </c:pt>
                <c:pt idx="104">
                  <c:v>14.193855500000041</c:v>
                </c:pt>
                <c:pt idx="105">
                  <c:v>14.204362500000041</c:v>
                </c:pt>
                <c:pt idx="106">
                  <c:v>14.214869500000042</c:v>
                </c:pt>
                <c:pt idx="107">
                  <c:v>14.225376500000042</c:v>
                </c:pt>
                <c:pt idx="108">
                  <c:v>14.235883500000043</c:v>
                </c:pt>
                <c:pt idx="109">
                  <c:v>14.246390500000043</c:v>
                </c:pt>
                <c:pt idx="110">
                  <c:v>14.256897500000044</c:v>
                </c:pt>
                <c:pt idx="111">
                  <c:v>14.267404500000044</c:v>
                </c:pt>
                <c:pt idx="112">
                  <c:v>14.277911500000044</c:v>
                </c:pt>
                <c:pt idx="113">
                  <c:v>14.288418500000045</c:v>
                </c:pt>
                <c:pt idx="114">
                  <c:v>14.298925500000045</c:v>
                </c:pt>
                <c:pt idx="115">
                  <c:v>14.309432500000046</c:v>
                </c:pt>
                <c:pt idx="116">
                  <c:v>14.319939500000046</c:v>
                </c:pt>
                <c:pt idx="117">
                  <c:v>14.330446500000047</c:v>
                </c:pt>
                <c:pt idx="118">
                  <c:v>14.340953500000047</c:v>
                </c:pt>
                <c:pt idx="119">
                  <c:v>14.351460500000048</c:v>
                </c:pt>
                <c:pt idx="120">
                  <c:v>14.361967500000048</c:v>
                </c:pt>
                <c:pt idx="121">
                  <c:v>14.372474500000049</c:v>
                </c:pt>
                <c:pt idx="122">
                  <c:v>14.382981500000049</c:v>
                </c:pt>
                <c:pt idx="123">
                  <c:v>14.39348850000005</c:v>
                </c:pt>
                <c:pt idx="124">
                  <c:v>14.490742000000051</c:v>
                </c:pt>
                <c:pt idx="125">
                  <c:v>14.63274200000005</c:v>
                </c:pt>
                <c:pt idx="126">
                  <c:v>14.77474200000005</c:v>
                </c:pt>
                <c:pt idx="127">
                  <c:v>14.87199550000005</c:v>
                </c:pt>
                <c:pt idx="128">
                  <c:v>14.882502500000051</c:v>
                </c:pt>
                <c:pt idx="129">
                  <c:v>14.893009500000051</c:v>
                </c:pt>
                <c:pt idx="130">
                  <c:v>14.903516500000052</c:v>
                </c:pt>
                <c:pt idx="131">
                  <c:v>14.914023500000052</c:v>
                </c:pt>
                <c:pt idx="132">
                  <c:v>14.924530500000053</c:v>
                </c:pt>
                <c:pt idx="133">
                  <c:v>14.935037500000053</c:v>
                </c:pt>
                <c:pt idx="134">
                  <c:v>14.945544500000054</c:v>
                </c:pt>
                <c:pt idx="135">
                  <c:v>14.956051500000054</c:v>
                </c:pt>
                <c:pt idx="136">
                  <c:v>14.966558500000055</c:v>
                </c:pt>
                <c:pt idx="137">
                  <c:v>14.977065500000055</c:v>
                </c:pt>
                <c:pt idx="138">
                  <c:v>14.987572500000056</c:v>
                </c:pt>
                <c:pt idx="139">
                  <c:v>14.998079500000056</c:v>
                </c:pt>
                <c:pt idx="140">
                  <c:v>15.008586500000057</c:v>
                </c:pt>
                <c:pt idx="141">
                  <c:v>15.019093500000057</c:v>
                </c:pt>
                <c:pt idx="142">
                  <c:v>15.029600500000058</c:v>
                </c:pt>
                <c:pt idx="143">
                  <c:v>15.040107500000058</c:v>
                </c:pt>
                <c:pt idx="144">
                  <c:v>15.050614500000059</c:v>
                </c:pt>
                <c:pt idx="145">
                  <c:v>15.061121500000059</c:v>
                </c:pt>
                <c:pt idx="146">
                  <c:v>15.07162850000006</c:v>
                </c:pt>
                <c:pt idx="147">
                  <c:v>15.08213550000006</c:v>
                </c:pt>
                <c:pt idx="148">
                  <c:v>15.092642500000061</c:v>
                </c:pt>
                <c:pt idx="149">
                  <c:v>15.103149500000061</c:v>
                </c:pt>
                <c:pt idx="150">
                  <c:v>15.113656500000062</c:v>
                </c:pt>
                <c:pt idx="151">
                  <c:v>15.124163500000062</c:v>
                </c:pt>
                <c:pt idx="152">
                  <c:v>15.134670500000063</c:v>
                </c:pt>
                <c:pt idx="153">
                  <c:v>15.145177500000063</c:v>
                </c:pt>
                <c:pt idx="154">
                  <c:v>15.155684500000064</c:v>
                </c:pt>
                <c:pt idx="155">
                  <c:v>15.166191500000064</c:v>
                </c:pt>
                <c:pt idx="156">
                  <c:v>15.176698500000064</c:v>
                </c:pt>
                <c:pt idx="157">
                  <c:v>15.187205500000065</c:v>
                </c:pt>
                <c:pt idx="158">
                  <c:v>15.197712500000065</c:v>
                </c:pt>
                <c:pt idx="159">
                  <c:v>15.208219500000066</c:v>
                </c:pt>
                <c:pt idx="160">
                  <c:v>15.218726500000066</c:v>
                </c:pt>
                <c:pt idx="161">
                  <c:v>15.229233500000067</c:v>
                </c:pt>
                <c:pt idx="162">
                  <c:v>15.239740500000067</c:v>
                </c:pt>
                <c:pt idx="163">
                  <c:v>15.250247500000068</c:v>
                </c:pt>
                <c:pt idx="164">
                  <c:v>15.260754500000068</c:v>
                </c:pt>
                <c:pt idx="165">
                  <c:v>15.271261500000069</c:v>
                </c:pt>
                <c:pt idx="166">
                  <c:v>15.281768500000069</c:v>
                </c:pt>
                <c:pt idx="167">
                  <c:v>15.29227550000007</c:v>
                </c:pt>
                <c:pt idx="168">
                  <c:v>15.30278250000007</c:v>
                </c:pt>
                <c:pt idx="169">
                  <c:v>15.313289500000071</c:v>
                </c:pt>
                <c:pt idx="170">
                  <c:v>15.323796500000071</c:v>
                </c:pt>
                <c:pt idx="171">
                  <c:v>15.334303500000072</c:v>
                </c:pt>
                <c:pt idx="172">
                  <c:v>15.344810500000072</c:v>
                </c:pt>
                <c:pt idx="173">
                  <c:v>15.355317500000073</c:v>
                </c:pt>
                <c:pt idx="174">
                  <c:v>15.365824500000073</c:v>
                </c:pt>
                <c:pt idx="175">
                  <c:v>15.376331500000074</c:v>
                </c:pt>
                <c:pt idx="176">
                  <c:v>15.386838500000074</c:v>
                </c:pt>
                <c:pt idx="177">
                  <c:v>15.397345500000075</c:v>
                </c:pt>
                <c:pt idx="178">
                  <c:v>15.407852500000075</c:v>
                </c:pt>
                <c:pt idx="179">
                  <c:v>15.418359500000076</c:v>
                </c:pt>
                <c:pt idx="180">
                  <c:v>15.515613000000076</c:v>
                </c:pt>
                <c:pt idx="181">
                  <c:v>15.657613000000076</c:v>
                </c:pt>
                <c:pt idx="182">
                  <c:v>15.799613000000075</c:v>
                </c:pt>
                <c:pt idx="183">
                  <c:v>15.929113000000076</c:v>
                </c:pt>
                <c:pt idx="184">
                  <c:v>16.004113000000075</c:v>
                </c:pt>
                <c:pt idx="185">
                  <c:v>16.133613000000075</c:v>
                </c:pt>
                <c:pt idx="186">
                  <c:v>16.275613000000074</c:v>
                </c:pt>
                <c:pt idx="187">
                  <c:v>16.417613000000074</c:v>
                </c:pt>
                <c:pt idx="188">
                  <c:v>16.514866500000075</c:v>
                </c:pt>
                <c:pt idx="189">
                  <c:v>16.525373500000075</c:v>
                </c:pt>
                <c:pt idx="190">
                  <c:v>16.535880500000076</c:v>
                </c:pt>
                <c:pt idx="191">
                  <c:v>16.546387500000076</c:v>
                </c:pt>
                <c:pt idx="192">
                  <c:v>16.556894500000077</c:v>
                </c:pt>
                <c:pt idx="193">
                  <c:v>16.567401500000077</c:v>
                </c:pt>
                <c:pt idx="194">
                  <c:v>16.577908500000078</c:v>
                </c:pt>
                <c:pt idx="195">
                  <c:v>16.588415500000078</c:v>
                </c:pt>
                <c:pt idx="196">
                  <c:v>16.598922500000079</c:v>
                </c:pt>
                <c:pt idx="197">
                  <c:v>16.609429500000079</c:v>
                </c:pt>
                <c:pt idx="198">
                  <c:v>16.61993650000008</c:v>
                </c:pt>
                <c:pt idx="199">
                  <c:v>16.63044350000008</c:v>
                </c:pt>
                <c:pt idx="200">
                  <c:v>16.640950500000081</c:v>
                </c:pt>
                <c:pt idx="201">
                  <c:v>16.651457500000081</c:v>
                </c:pt>
                <c:pt idx="202">
                  <c:v>16.661964500000082</c:v>
                </c:pt>
                <c:pt idx="203">
                  <c:v>16.672471500000082</c:v>
                </c:pt>
                <c:pt idx="204">
                  <c:v>16.682978500000083</c:v>
                </c:pt>
                <c:pt idx="205">
                  <c:v>16.693485500000083</c:v>
                </c:pt>
                <c:pt idx="206">
                  <c:v>16.703992500000084</c:v>
                </c:pt>
                <c:pt idx="207">
                  <c:v>16.714499500000084</c:v>
                </c:pt>
                <c:pt idx="208">
                  <c:v>16.725006500000084</c:v>
                </c:pt>
                <c:pt idx="209">
                  <c:v>16.735513500000085</c:v>
                </c:pt>
                <c:pt idx="210">
                  <c:v>16.746020500000085</c:v>
                </c:pt>
                <c:pt idx="211">
                  <c:v>16.756527500000086</c:v>
                </c:pt>
                <c:pt idx="212">
                  <c:v>16.767034500000086</c:v>
                </c:pt>
                <c:pt idx="213">
                  <c:v>16.777541500000087</c:v>
                </c:pt>
                <c:pt idx="214">
                  <c:v>16.788048500000087</c:v>
                </c:pt>
                <c:pt idx="215">
                  <c:v>16.798555500000088</c:v>
                </c:pt>
                <c:pt idx="216">
                  <c:v>16.809062500000088</c:v>
                </c:pt>
                <c:pt idx="217">
                  <c:v>16.819569500000089</c:v>
                </c:pt>
                <c:pt idx="218">
                  <c:v>16.830076500000089</c:v>
                </c:pt>
                <c:pt idx="219">
                  <c:v>16.84058350000009</c:v>
                </c:pt>
                <c:pt idx="220">
                  <c:v>16.85109050000009</c:v>
                </c:pt>
                <c:pt idx="221">
                  <c:v>16.861597500000091</c:v>
                </c:pt>
                <c:pt idx="222">
                  <c:v>16.872104500000091</c:v>
                </c:pt>
                <c:pt idx="223">
                  <c:v>16.882611500000092</c:v>
                </c:pt>
                <c:pt idx="224">
                  <c:v>16.893118500000092</c:v>
                </c:pt>
                <c:pt idx="225">
                  <c:v>16.903625500000093</c:v>
                </c:pt>
                <c:pt idx="226">
                  <c:v>16.914132500000093</c:v>
                </c:pt>
                <c:pt idx="227">
                  <c:v>16.924639500000094</c:v>
                </c:pt>
                <c:pt idx="228">
                  <c:v>16.935146500000094</c:v>
                </c:pt>
                <c:pt idx="229">
                  <c:v>16.945653500000095</c:v>
                </c:pt>
                <c:pt idx="230">
                  <c:v>16.956160500000095</c:v>
                </c:pt>
                <c:pt idx="231">
                  <c:v>16.966667500000096</c:v>
                </c:pt>
                <c:pt idx="232">
                  <c:v>16.977174500000096</c:v>
                </c:pt>
                <c:pt idx="233">
                  <c:v>16.987681500000097</c:v>
                </c:pt>
                <c:pt idx="234">
                  <c:v>16.998188500000097</c:v>
                </c:pt>
                <c:pt idx="235">
                  <c:v>17.008695500000098</c:v>
                </c:pt>
                <c:pt idx="236">
                  <c:v>17.019202500000098</c:v>
                </c:pt>
                <c:pt idx="237">
                  <c:v>17.029709500000099</c:v>
                </c:pt>
                <c:pt idx="238">
                  <c:v>17.040216500000099</c:v>
                </c:pt>
                <c:pt idx="239">
                  <c:v>17.0507235000001</c:v>
                </c:pt>
                <c:pt idx="240">
                  <c:v>17.0612305000001</c:v>
                </c:pt>
                <c:pt idx="241">
                  <c:v>17.158484000000101</c:v>
                </c:pt>
                <c:pt idx="242">
                  <c:v>17.3004840000001</c:v>
                </c:pt>
                <c:pt idx="243">
                  <c:v>17.4424840000001</c:v>
                </c:pt>
                <c:pt idx="244">
                  <c:v>17.539737500000101</c:v>
                </c:pt>
                <c:pt idx="245">
                  <c:v>17.550244500000101</c:v>
                </c:pt>
                <c:pt idx="246">
                  <c:v>17.560751500000102</c:v>
                </c:pt>
                <c:pt idx="247">
                  <c:v>17.571258500000102</c:v>
                </c:pt>
                <c:pt idx="248">
                  <c:v>17.581765500000103</c:v>
                </c:pt>
                <c:pt idx="249">
                  <c:v>17.592272500000103</c:v>
                </c:pt>
                <c:pt idx="250">
                  <c:v>17.602779500000103</c:v>
                </c:pt>
                <c:pt idx="251">
                  <c:v>17.613286500000104</c:v>
                </c:pt>
                <c:pt idx="252">
                  <c:v>17.623793500000104</c:v>
                </c:pt>
                <c:pt idx="253">
                  <c:v>17.634300500000105</c:v>
                </c:pt>
                <c:pt idx="254">
                  <c:v>17.644807500000105</c:v>
                </c:pt>
                <c:pt idx="255">
                  <c:v>17.655314500000106</c:v>
                </c:pt>
                <c:pt idx="256">
                  <c:v>17.665821500000106</c:v>
                </c:pt>
                <c:pt idx="257">
                  <c:v>17.676328500000107</c:v>
                </c:pt>
                <c:pt idx="258">
                  <c:v>17.686835500000107</c:v>
                </c:pt>
                <c:pt idx="259">
                  <c:v>17.697342500000108</c:v>
                </c:pt>
                <c:pt idx="260">
                  <c:v>17.707849500000108</c:v>
                </c:pt>
                <c:pt idx="261">
                  <c:v>17.718356500000109</c:v>
                </c:pt>
                <c:pt idx="262">
                  <c:v>17.728863500000109</c:v>
                </c:pt>
                <c:pt idx="263">
                  <c:v>17.73937050000011</c:v>
                </c:pt>
                <c:pt idx="264">
                  <c:v>17.74987750000011</c:v>
                </c:pt>
                <c:pt idx="265">
                  <c:v>17.760384500000111</c:v>
                </c:pt>
                <c:pt idx="266">
                  <c:v>17.770891500000111</c:v>
                </c:pt>
                <c:pt idx="267">
                  <c:v>17.781398500000112</c:v>
                </c:pt>
                <c:pt idx="268">
                  <c:v>17.791905500000112</c:v>
                </c:pt>
                <c:pt idx="269">
                  <c:v>17.802412500000113</c:v>
                </c:pt>
                <c:pt idx="270">
                  <c:v>17.812919500000113</c:v>
                </c:pt>
                <c:pt idx="271">
                  <c:v>17.823426500000114</c:v>
                </c:pt>
                <c:pt idx="272">
                  <c:v>17.833933500000114</c:v>
                </c:pt>
                <c:pt idx="273">
                  <c:v>17.844440500000115</c:v>
                </c:pt>
                <c:pt idx="274">
                  <c:v>17.854947500000115</c:v>
                </c:pt>
                <c:pt idx="275">
                  <c:v>17.865454500000116</c:v>
                </c:pt>
                <c:pt idx="276">
                  <c:v>17.875961500000116</c:v>
                </c:pt>
                <c:pt idx="277">
                  <c:v>17.886468500000117</c:v>
                </c:pt>
                <c:pt idx="278">
                  <c:v>17.896975500000117</c:v>
                </c:pt>
                <c:pt idx="279">
                  <c:v>17.907482500000118</c:v>
                </c:pt>
                <c:pt idx="280">
                  <c:v>17.917989500000118</c:v>
                </c:pt>
                <c:pt idx="281">
                  <c:v>17.928496500000119</c:v>
                </c:pt>
                <c:pt idx="282">
                  <c:v>17.939003500000119</c:v>
                </c:pt>
                <c:pt idx="283">
                  <c:v>17.94951050000012</c:v>
                </c:pt>
                <c:pt idx="284">
                  <c:v>17.96001750000012</c:v>
                </c:pt>
                <c:pt idx="285">
                  <c:v>17.970524500000121</c:v>
                </c:pt>
                <c:pt idx="286">
                  <c:v>17.981031500000121</c:v>
                </c:pt>
                <c:pt idx="287">
                  <c:v>17.991538500000122</c:v>
                </c:pt>
                <c:pt idx="288">
                  <c:v>18.002045500000122</c:v>
                </c:pt>
                <c:pt idx="289">
                  <c:v>18.012552500000123</c:v>
                </c:pt>
                <c:pt idx="290">
                  <c:v>18.023059500000123</c:v>
                </c:pt>
                <c:pt idx="291">
                  <c:v>18.033566500000124</c:v>
                </c:pt>
                <c:pt idx="292">
                  <c:v>18.044073500000124</c:v>
                </c:pt>
                <c:pt idx="293">
                  <c:v>18.054580500000124</c:v>
                </c:pt>
                <c:pt idx="294">
                  <c:v>18.065087500000125</c:v>
                </c:pt>
                <c:pt idx="295">
                  <c:v>18.075594500000125</c:v>
                </c:pt>
                <c:pt idx="296">
                  <c:v>18.086101500000126</c:v>
                </c:pt>
                <c:pt idx="297">
                  <c:v>18.183355000000127</c:v>
                </c:pt>
                <c:pt idx="298">
                  <c:v>18.325355000000126</c:v>
                </c:pt>
                <c:pt idx="299">
                  <c:v>18.467355000000126</c:v>
                </c:pt>
                <c:pt idx="300">
                  <c:v>18.634355000000127</c:v>
                </c:pt>
                <c:pt idx="301">
                  <c:v>18.801355000000129</c:v>
                </c:pt>
                <c:pt idx="302">
                  <c:v>18.943355000000128</c:v>
                </c:pt>
                <c:pt idx="303">
                  <c:v>19.085355000000128</c:v>
                </c:pt>
                <c:pt idx="304">
                  <c:v>19.182608500000129</c:v>
                </c:pt>
                <c:pt idx="305">
                  <c:v>19.193115500000129</c:v>
                </c:pt>
                <c:pt idx="306">
                  <c:v>19.203622500000129</c:v>
                </c:pt>
                <c:pt idx="307">
                  <c:v>19.21412950000013</c:v>
                </c:pt>
                <c:pt idx="308">
                  <c:v>19.22463650000013</c:v>
                </c:pt>
                <c:pt idx="309">
                  <c:v>19.235143500000131</c:v>
                </c:pt>
                <c:pt idx="310">
                  <c:v>19.245650500000131</c:v>
                </c:pt>
                <c:pt idx="311">
                  <c:v>19.256157500000132</c:v>
                </c:pt>
                <c:pt idx="312">
                  <c:v>19.266664500000132</c:v>
                </c:pt>
                <c:pt idx="313">
                  <c:v>19.277171500000133</c:v>
                </c:pt>
                <c:pt idx="314">
                  <c:v>19.287678500000133</c:v>
                </c:pt>
                <c:pt idx="315">
                  <c:v>19.298185500000134</c:v>
                </c:pt>
                <c:pt idx="316">
                  <c:v>19.308692500000134</c:v>
                </c:pt>
                <c:pt idx="317">
                  <c:v>19.319199500000135</c:v>
                </c:pt>
                <c:pt idx="318">
                  <c:v>19.329706500000135</c:v>
                </c:pt>
                <c:pt idx="319">
                  <c:v>19.340213500000136</c:v>
                </c:pt>
                <c:pt idx="320">
                  <c:v>19.350720500000136</c:v>
                </c:pt>
                <c:pt idx="321">
                  <c:v>19.361227500000137</c:v>
                </c:pt>
                <c:pt idx="322">
                  <c:v>19.371734500000137</c:v>
                </c:pt>
                <c:pt idx="323">
                  <c:v>19.382241500000138</c:v>
                </c:pt>
                <c:pt idx="324">
                  <c:v>19.392748500000138</c:v>
                </c:pt>
                <c:pt idx="325">
                  <c:v>19.403255500000139</c:v>
                </c:pt>
                <c:pt idx="326">
                  <c:v>19.413762500000139</c:v>
                </c:pt>
                <c:pt idx="327">
                  <c:v>19.42426950000014</c:v>
                </c:pt>
                <c:pt idx="328">
                  <c:v>19.43477650000014</c:v>
                </c:pt>
                <c:pt idx="329">
                  <c:v>19.445283500000141</c:v>
                </c:pt>
                <c:pt idx="330">
                  <c:v>19.455790500000141</c:v>
                </c:pt>
                <c:pt idx="331">
                  <c:v>19.466297500000142</c:v>
                </c:pt>
                <c:pt idx="332">
                  <c:v>19.476804500000142</c:v>
                </c:pt>
                <c:pt idx="333">
                  <c:v>19.487311500000143</c:v>
                </c:pt>
                <c:pt idx="334">
                  <c:v>19.497818500000143</c:v>
                </c:pt>
                <c:pt idx="335">
                  <c:v>19.508325500000144</c:v>
                </c:pt>
                <c:pt idx="336">
                  <c:v>19.518832500000144</c:v>
                </c:pt>
                <c:pt idx="337">
                  <c:v>19.529339500000145</c:v>
                </c:pt>
                <c:pt idx="338">
                  <c:v>19.539846500000145</c:v>
                </c:pt>
                <c:pt idx="339">
                  <c:v>19.550353500000146</c:v>
                </c:pt>
                <c:pt idx="340">
                  <c:v>19.560860500000146</c:v>
                </c:pt>
                <c:pt idx="341">
                  <c:v>19.571367500000147</c:v>
                </c:pt>
                <c:pt idx="342">
                  <c:v>19.581874500000147</c:v>
                </c:pt>
                <c:pt idx="343">
                  <c:v>19.592381500000148</c:v>
                </c:pt>
                <c:pt idx="344">
                  <c:v>19.602888500000148</c:v>
                </c:pt>
                <c:pt idx="345">
                  <c:v>19.613395500000149</c:v>
                </c:pt>
                <c:pt idx="346">
                  <c:v>19.623902500000149</c:v>
                </c:pt>
                <c:pt idx="347">
                  <c:v>19.63440950000015</c:v>
                </c:pt>
                <c:pt idx="348">
                  <c:v>19.64491650000015</c:v>
                </c:pt>
                <c:pt idx="349">
                  <c:v>19.65542350000015</c:v>
                </c:pt>
                <c:pt idx="350">
                  <c:v>19.665930500000151</c:v>
                </c:pt>
                <c:pt idx="351">
                  <c:v>19.676437500000151</c:v>
                </c:pt>
                <c:pt idx="352">
                  <c:v>19.686944500000152</c:v>
                </c:pt>
                <c:pt idx="353">
                  <c:v>19.697451500000152</c:v>
                </c:pt>
                <c:pt idx="354">
                  <c:v>19.707958500000153</c:v>
                </c:pt>
                <c:pt idx="355">
                  <c:v>19.718465500000153</c:v>
                </c:pt>
                <c:pt idx="356">
                  <c:v>19.728972500000154</c:v>
                </c:pt>
                <c:pt idx="357">
                  <c:v>20.216726000000154</c:v>
                </c:pt>
                <c:pt idx="358">
                  <c:v>20.749226000000153</c:v>
                </c:pt>
                <c:pt idx="359">
                  <c:v>21.174226000000154</c:v>
                </c:pt>
                <c:pt idx="360">
                  <c:v>21.599226000000154</c:v>
                </c:pt>
                <c:pt idx="361">
                  <c:v>22.024226000000155</c:v>
                </c:pt>
                <c:pt idx="362">
                  <c:v>22.449226000000156</c:v>
                </c:pt>
                <c:pt idx="363">
                  <c:v>22.874226000000156</c:v>
                </c:pt>
                <c:pt idx="364">
                  <c:v>23.299226000000157</c:v>
                </c:pt>
                <c:pt idx="365">
                  <c:v>23.499226000000156</c:v>
                </c:pt>
                <c:pt idx="366">
                  <c:v>23.657480950000156</c:v>
                </c:pt>
                <c:pt idx="367">
                  <c:v>23.673990850000155</c:v>
                </c:pt>
                <c:pt idx="368">
                  <c:v>23.690500750000155</c:v>
                </c:pt>
                <c:pt idx="369">
                  <c:v>23.707010650000154</c:v>
                </c:pt>
                <c:pt idx="370">
                  <c:v>23.723520550000153</c:v>
                </c:pt>
                <c:pt idx="371">
                  <c:v>23.740030450000152</c:v>
                </c:pt>
                <c:pt idx="372">
                  <c:v>23.756540350000151</c:v>
                </c:pt>
                <c:pt idx="373">
                  <c:v>23.77305025000015</c:v>
                </c:pt>
                <c:pt idx="374">
                  <c:v>23.789560150000149</c:v>
                </c:pt>
                <c:pt idx="375">
                  <c:v>23.806070050000148</c:v>
                </c:pt>
                <c:pt idx="376">
                  <c:v>23.822579950000147</c:v>
                </c:pt>
                <c:pt idx="377">
                  <c:v>23.839089850000146</c:v>
                </c:pt>
                <c:pt idx="378">
                  <c:v>23.855599750000145</c:v>
                </c:pt>
                <c:pt idx="379">
                  <c:v>23.872109650000144</c:v>
                </c:pt>
                <c:pt idx="380">
                  <c:v>23.888619550000143</c:v>
                </c:pt>
                <c:pt idx="381">
                  <c:v>23.905129450000143</c:v>
                </c:pt>
                <c:pt idx="382">
                  <c:v>23.921639350000142</c:v>
                </c:pt>
                <c:pt idx="383">
                  <c:v>23.938149250000141</c:v>
                </c:pt>
                <c:pt idx="384">
                  <c:v>24.240904200000141</c:v>
                </c:pt>
                <c:pt idx="385">
                  <c:v>24.545608550000143</c:v>
                </c:pt>
                <c:pt idx="386">
                  <c:v>24.566017250000144</c:v>
                </c:pt>
                <c:pt idx="387">
                  <c:v>24.586425950000145</c:v>
                </c:pt>
                <c:pt idx="388">
                  <c:v>24.606834650000145</c:v>
                </c:pt>
                <c:pt idx="389">
                  <c:v>24.627243350000146</c:v>
                </c:pt>
                <c:pt idx="390">
                  <c:v>24.647652050000147</c:v>
                </c:pt>
                <c:pt idx="391">
                  <c:v>24.668060750000148</c:v>
                </c:pt>
                <c:pt idx="392">
                  <c:v>24.688469450000149</c:v>
                </c:pt>
                <c:pt idx="393">
                  <c:v>24.70887815000015</c:v>
                </c:pt>
                <c:pt idx="394">
                  <c:v>24.72928685000015</c:v>
                </c:pt>
                <c:pt idx="395">
                  <c:v>24.749695550000151</c:v>
                </c:pt>
                <c:pt idx="396">
                  <c:v>24.770104250000152</c:v>
                </c:pt>
                <c:pt idx="397">
                  <c:v>24.790512950000153</c:v>
                </c:pt>
                <c:pt idx="398">
                  <c:v>24.810921650000154</c:v>
                </c:pt>
                <c:pt idx="399">
                  <c:v>24.831330350000155</c:v>
                </c:pt>
                <c:pt idx="400">
                  <c:v>24.851739050000155</c:v>
                </c:pt>
                <c:pt idx="401">
                  <c:v>24.872147750000156</c:v>
                </c:pt>
                <c:pt idx="402">
                  <c:v>24.892556450000157</c:v>
                </c:pt>
                <c:pt idx="403">
                  <c:v>24.952760800000156</c:v>
                </c:pt>
                <c:pt idx="404">
                  <c:v>25.012965150000156</c:v>
                </c:pt>
                <c:pt idx="405">
                  <c:v>25.033373850000157</c:v>
                </c:pt>
                <c:pt idx="406">
                  <c:v>25.053782550000157</c:v>
                </c:pt>
                <c:pt idx="407">
                  <c:v>25.074191250000158</c:v>
                </c:pt>
                <c:pt idx="408">
                  <c:v>25.094599950000159</c:v>
                </c:pt>
                <c:pt idx="409">
                  <c:v>25.11500865000016</c:v>
                </c:pt>
                <c:pt idx="410">
                  <c:v>25.135417350000161</c:v>
                </c:pt>
                <c:pt idx="411">
                  <c:v>25.155826050000162</c:v>
                </c:pt>
                <c:pt idx="412">
                  <c:v>25.176234750000162</c:v>
                </c:pt>
                <c:pt idx="413">
                  <c:v>25.196643450000163</c:v>
                </c:pt>
                <c:pt idx="414">
                  <c:v>25.217052150000164</c:v>
                </c:pt>
                <c:pt idx="415">
                  <c:v>25.237460850000165</c:v>
                </c:pt>
                <c:pt idx="416">
                  <c:v>25.257869550000166</c:v>
                </c:pt>
                <c:pt idx="417">
                  <c:v>25.278278250000167</c:v>
                </c:pt>
                <c:pt idx="418">
                  <c:v>25.298686950000167</c:v>
                </c:pt>
                <c:pt idx="419">
                  <c:v>25.319095650000168</c:v>
                </c:pt>
                <c:pt idx="420">
                  <c:v>25.339504350000169</c:v>
                </c:pt>
                <c:pt idx="421">
                  <c:v>26.60991305000017</c:v>
                </c:pt>
                <c:pt idx="422">
                  <c:v>26.914617400000171</c:v>
                </c:pt>
                <c:pt idx="423">
                  <c:v>27.217372350000172</c:v>
                </c:pt>
                <c:pt idx="424">
                  <c:v>27.233882250000171</c:v>
                </c:pt>
                <c:pt idx="425">
                  <c:v>27.25039215000017</c:v>
                </c:pt>
                <c:pt idx="426">
                  <c:v>27.266902050000169</c:v>
                </c:pt>
                <c:pt idx="427">
                  <c:v>27.283411950000168</c:v>
                </c:pt>
                <c:pt idx="428">
                  <c:v>27.299921850000167</c:v>
                </c:pt>
                <c:pt idx="429">
                  <c:v>27.316431750000167</c:v>
                </c:pt>
                <c:pt idx="430">
                  <c:v>27.332941650000166</c:v>
                </c:pt>
                <c:pt idx="431">
                  <c:v>27.349451550000165</c:v>
                </c:pt>
                <c:pt idx="432">
                  <c:v>27.365961450000164</c:v>
                </c:pt>
                <c:pt idx="433">
                  <c:v>27.382471350000163</c:v>
                </c:pt>
                <c:pt idx="434">
                  <c:v>27.398981250000162</c:v>
                </c:pt>
                <c:pt idx="435">
                  <c:v>27.415491150000161</c:v>
                </c:pt>
                <c:pt idx="436">
                  <c:v>27.43200105000016</c:v>
                </c:pt>
                <c:pt idx="437">
                  <c:v>27.448510950000159</c:v>
                </c:pt>
                <c:pt idx="438">
                  <c:v>27.465020850000158</c:v>
                </c:pt>
                <c:pt idx="439">
                  <c:v>27.481530750000157</c:v>
                </c:pt>
                <c:pt idx="440">
                  <c:v>27.498040650000156</c:v>
                </c:pt>
                <c:pt idx="441">
                  <c:v>27.806295600000155</c:v>
                </c:pt>
                <c:pt idx="442">
                  <c:v>28.182008100000154</c:v>
                </c:pt>
                <c:pt idx="443">
                  <c:v>28.307720600000152</c:v>
                </c:pt>
                <c:pt idx="444">
                  <c:v>28.432018600000152</c:v>
                </c:pt>
                <c:pt idx="445">
                  <c:v>28.580614600000153</c:v>
                </c:pt>
                <c:pt idx="446">
                  <c:v>28.704912600000153</c:v>
                </c:pt>
                <c:pt idx="447">
                  <c:v>28.830625100000152</c:v>
                </c:pt>
                <c:pt idx="448">
                  <c:v>29.006337600000151</c:v>
                </c:pt>
                <c:pt idx="449">
                  <c:v>29.131337600000151</c:v>
                </c:pt>
                <c:pt idx="450">
                  <c:v>29.231337600000153</c:v>
                </c:pt>
                <c:pt idx="451">
                  <c:v>29.331337600000154</c:v>
                </c:pt>
                <c:pt idx="452">
                  <c:v>29.456337600000154</c:v>
                </c:pt>
                <c:pt idx="453">
                  <c:v>29.558337600000154</c:v>
                </c:pt>
                <c:pt idx="454">
                  <c:v>29.692337600000155</c:v>
                </c:pt>
                <c:pt idx="455">
                  <c:v>30.084337600000154</c:v>
                </c:pt>
              </c:numCache>
            </c:numRef>
          </c:xVal>
          <c:yVal>
            <c:numRef>
              <c:f>'flux int'!$P$2:$P$457</c:f>
              <c:numCache>
                <c:formatCode>General</c:formatCode>
                <c:ptCount val="456"/>
                <c:pt idx="0">
                  <c:v>2.8684280727318625E-2</c:v>
                </c:pt>
                <c:pt idx="1">
                  <c:v>1.365918689592246E-3</c:v>
                </c:pt>
                <c:pt idx="2">
                  <c:v>5089768.176280003</c:v>
                </c:pt>
                <c:pt idx="3">
                  <c:v>2.8684280727318625E-2</c:v>
                </c:pt>
                <c:pt idx="4">
                  <c:v>282746408.94949365</c:v>
                </c:pt>
                <c:pt idx="5">
                  <c:v>2.8684280727318625E-2</c:v>
                </c:pt>
                <c:pt idx="6">
                  <c:v>96668205728.608414</c:v>
                </c:pt>
                <c:pt idx="7">
                  <c:v>615013926218.29321</c:v>
                </c:pt>
                <c:pt idx="8">
                  <c:v>746792877474.01868</c:v>
                </c:pt>
                <c:pt idx="9">
                  <c:v>866824621439.2052</c:v>
                </c:pt>
                <c:pt idx="10">
                  <c:v>1667581832188.6934</c:v>
                </c:pt>
                <c:pt idx="11">
                  <c:v>1535755782958.283</c:v>
                </c:pt>
                <c:pt idx="12">
                  <c:v>677387341329.18506</c:v>
                </c:pt>
                <c:pt idx="13">
                  <c:v>8910471795.3484821</c:v>
                </c:pt>
                <c:pt idx="14">
                  <c:v>2667977133.3586679</c:v>
                </c:pt>
                <c:pt idx="15">
                  <c:v>0.27339360751066921</c:v>
                </c:pt>
                <c:pt idx="16">
                  <c:v>0.27339360751066921</c:v>
                </c:pt>
                <c:pt idx="17">
                  <c:v>0.27339360751066921</c:v>
                </c:pt>
                <c:pt idx="18">
                  <c:v>0.27339360751066921</c:v>
                </c:pt>
                <c:pt idx="19">
                  <c:v>0.27339360751066921</c:v>
                </c:pt>
                <c:pt idx="20">
                  <c:v>0.27339360751066921</c:v>
                </c:pt>
                <c:pt idx="21">
                  <c:v>0.27339360751066921</c:v>
                </c:pt>
                <c:pt idx="22">
                  <c:v>0.27339360751066921</c:v>
                </c:pt>
                <c:pt idx="23">
                  <c:v>0.27339360751066921</c:v>
                </c:pt>
                <c:pt idx="24">
                  <c:v>0.27339360751066921</c:v>
                </c:pt>
                <c:pt idx="25">
                  <c:v>0.27339360751066921</c:v>
                </c:pt>
                <c:pt idx="26">
                  <c:v>0.27339360751066921</c:v>
                </c:pt>
                <c:pt idx="27">
                  <c:v>0.27339360751066921</c:v>
                </c:pt>
                <c:pt idx="28">
                  <c:v>0.27339360751066921</c:v>
                </c:pt>
                <c:pt idx="29">
                  <c:v>0.27339360751066921</c:v>
                </c:pt>
                <c:pt idx="30">
                  <c:v>0.27339360751066921</c:v>
                </c:pt>
                <c:pt idx="31">
                  <c:v>0.27339360751066921</c:v>
                </c:pt>
                <c:pt idx="32">
                  <c:v>0.27339360751066921</c:v>
                </c:pt>
                <c:pt idx="33">
                  <c:v>0.27339360751066921</c:v>
                </c:pt>
                <c:pt idx="34">
                  <c:v>0.27339360751066921</c:v>
                </c:pt>
                <c:pt idx="35">
                  <c:v>0.27339360751066921</c:v>
                </c:pt>
                <c:pt idx="36">
                  <c:v>0.27339360751066921</c:v>
                </c:pt>
                <c:pt idx="37">
                  <c:v>0.27339360751066921</c:v>
                </c:pt>
                <c:pt idx="38">
                  <c:v>0.27339360751066921</c:v>
                </c:pt>
                <c:pt idx="39">
                  <c:v>0.27339360751066921</c:v>
                </c:pt>
                <c:pt idx="40">
                  <c:v>0.27339360751066921</c:v>
                </c:pt>
                <c:pt idx="41">
                  <c:v>0.27339360751066921</c:v>
                </c:pt>
                <c:pt idx="42">
                  <c:v>0.27339360751066921</c:v>
                </c:pt>
                <c:pt idx="43">
                  <c:v>0.27339360751066921</c:v>
                </c:pt>
                <c:pt idx="44">
                  <c:v>0.27339360751066921</c:v>
                </c:pt>
                <c:pt idx="45">
                  <c:v>0.27339360751066921</c:v>
                </c:pt>
                <c:pt idx="46">
                  <c:v>0.27339360751066921</c:v>
                </c:pt>
                <c:pt idx="47">
                  <c:v>0.27339360751066921</c:v>
                </c:pt>
                <c:pt idx="48">
                  <c:v>0.27339360751066921</c:v>
                </c:pt>
                <c:pt idx="49">
                  <c:v>0.27339360751066921</c:v>
                </c:pt>
                <c:pt idx="50">
                  <c:v>0.27339360751066921</c:v>
                </c:pt>
                <c:pt idx="51">
                  <c:v>0.27339360751066921</c:v>
                </c:pt>
                <c:pt idx="52">
                  <c:v>0.27339360751066921</c:v>
                </c:pt>
                <c:pt idx="53">
                  <c:v>0.27339360751066921</c:v>
                </c:pt>
                <c:pt idx="54">
                  <c:v>0.27339360751066921</c:v>
                </c:pt>
                <c:pt idx="55">
                  <c:v>0.27339360751066921</c:v>
                </c:pt>
                <c:pt idx="56">
                  <c:v>0.27339360751066921</c:v>
                </c:pt>
                <c:pt idx="57">
                  <c:v>0.27339360751066921</c:v>
                </c:pt>
                <c:pt idx="58">
                  <c:v>0.27339360751066921</c:v>
                </c:pt>
                <c:pt idx="59">
                  <c:v>0.27339360751066921</c:v>
                </c:pt>
                <c:pt idx="60">
                  <c:v>0.27339360751066921</c:v>
                </c:pt>
                <c:pt idx="61">
                  <c:v>0.27339360751066921</c:v>
                </c:pt>
                <c:pt idx="62">
                  <c:v>0.27339360751066921</c:v>
                </c:pt>
                <c:pt idx="63">
                  <c:v>0.27339360751066921</c:v>
                </c:pt>
                <c:pt idx="64">
                  <c:v>1.5589290780805216E-2</c:v>
                </c:pt>
                <c:pt idx="65">
                  <c:v>2.8684280727318625E-2</c:v>
                </c:pt>
                <c:pt idx="66">
                  <c:v>1.5589290780805216E-2</c:v>
                </c:pt>
                <c:pt idx="67">
                  <c:v>1.9122872102406804E-2</c:v>
                </c:pt>
                <c:pt idx="68">
                  <c:v>1.5589290780805216E-2</c:v>
                </c:pt>
                <c:pt idx="69">
                  <c:v>2.8684280727318625E-2</c:v>
                </c:pt>
                <c:pt idx="70">
                  <c:v>1.5589290780805216E-2</c:v>
                </c:pt>
                <c:pt idx="71">
                  <c:v>0.27339360751066921</c:v>
                </c:pt>
                <c:pt idx="72">
                  <c:v>0.27339360751066921</c:v>
                </c:pt>
                <c:pt idx="73">
                  <c:v>0.27339360751066921</c:v>
                </c:pt>
                <c:pt idx="74">
                  <c:v>0.27339360751066921</c:v>
                </c:pt>
                <c:pt idx="75">
                  <c:v>0.27339360751066921</c:v>
                </c:pt>
                <c:pt idx="76">
                  <c:v>0.27339360751066921</c:v>
                </c:pt>
                <c:pt idx="77">
                  <c:v>0.27339360751066921</c:v>
                </c:pt>
                <c:pt idx="78">
                  <c:v>0.27339360751066921</c:v>
                </c:pt>
                <c:pt idx="79">
                  <c:v>0.27339360751066921</c:v>
                </c:pt>
                <c:pt idx="80">
                  <c:v>0.27339360751066921</c:v>
                </c:pt>
                <c:pt idx="81">
                  <c:v>0.27339360751066921</c:v>
                </c:pt>
                <c:pt idx="82">
                  <c:v>0.27339360751066921</c:v>
                </c:pt>
                <c:pt idx="83">
                  <c:v>0.27339360751066921</c:v>
                </c:pt>
                <c:pt idx="84">
                  <c:v>0.27339360751066921</c:v>
                </c:pt>
                <c:pt idx="85">
                  <c:v>0.27339360751066921</c:v>
                </c:pt>
                <c:pt idx="86">
                  <c:v>0.27339360751066921</c:v>
                </c:pt>
                <c:pt idx="87">
                  <c:v>0.27339360751066921</c:v>
                </c:pt>
                <c:pt idx="88">
                  <c:v>0.27339360751066921</c:v>
                </c:pt>
                <c:pt idx="89">
                  <c:v>0.27339360751066921</c:v>
                </c:pt>
                <c:pt idx="90">
                  <c:v>0.27339360751066921</c:v>
                </c:pt>
                <c:pt idx="91">
                  <c:v>0.27339360751066921</c:v>
                </c:pt>
                <c:pt idx="92">
                  <c:v>0.27339360751066921</c:v>
                </c:pt>
                <c:pt idx="93">
                  <c:v>0.27339360751066921</c:v>
                </c:pt>
                <c:pt idx="94">
                  <c:v>0.27339360751066921</c:v>
                </c:pt>
                <c:pt idx="95">
                  <c:v>0.27339360751066921</c:v>
                </c:pt>
                <c:pt idx="96">
                  <c:v>0.27339360751066921</c:v>
                </c:pt>
                <c:pt idx="97">
                  <c:v>0.27339360751066921</c:v>
                </c:pt>
                <c:pt idx="98">
                  <c:v>0.27339360751066921</c:v>
                </c:pt>
                <c:pt idx="99">
                  <c:v>0.27339360751066921</c:v>
                </c:pt>
                <c:pt idx="100">
                  <c:v>0.27339360751066921</c:v>
                </c:pt>
                <c:pt idx="101">
                  <c:v>0.27339360751066921</c:v>
                </c:pt>
                <c:pt idx="102">
                  <c:v>0.27339360751066921</c:v>
                </c:pt>
                <c:pt idx="103">
                  <c:v>0.27339360751066921</c:v>
                </c:pt>
                <c:pt idx="104">
                  <c:v>0.27339360751066921</c:v>
                </c:pt>
                <c:pt idx="105">
                  <c:v>0.27339360751066921</c:v>
                </c:pt>
                <c:pt idx="106">
                  <c:v>0.27339360751066921</c:v>
                </c:pt>
                <c:pt idx="107">
                  <c:v>0.27339360751066921</c:v>
                </c:pt>
                <c:pt idx="108">
                  <c:v>0.27339360751066921</c:v>
                </c:pt>
                <c:pt idx="109">
                  <c:v>0.27339360751066921</c:v>
                </c:pt>
                <c:pt idx="110">
                  <c:v>0.27339360751066921</c:v>
                </c:pt>
                <c:pt idx="111">
                  <c:v>0.27339360751066921</c:v>
                </c:pt>
                <c:pt idx="112">
                  <c:v>0.27339360751066921</c:v>
                </c:pt>
                <c:pt idx="113">
                  <c:v>0.27339360751066921</c:v>
                </c:pt>
                <c:pt idx="114">
                  <c:v>0.27339360751066921</c:v>
                </c:pt>
                <c:pt idx="115">
                  <c:v>0.27339360751066921</c:v>
                </c:pt>
                <c:pt idx="116">
                  <c:v>0.27339360751066921</c:v>
                </c:pt>
                <c:pt idx="117">
                  <c:v>0.27339360751066921</c:v>
                </c:pt>
                <c:pt idx="118">
                  <c:v>0.27339360751066921</c:v>
                </c:pt>
                <c:pt idx="119">
                  <c:v>0.27339360751066921</c:v>
                </c:pt>
                <c:pt idx="120">
                  <c:v>0.27339360751066921</c:v>
                </c:pt>
                <c:pt idx="121">
                  <c:v>0.27339360751066921</c:v>
                </c:pt>
                <c:pt idx="122">
                  <c:v>0.27339360751066921</c:v>
                </c:pt>
                <c:pt idx="123">
                  <c:v>0.27339360751066921</c:v>
                </c:pt>
                <c:pt idx="124">
                  <c:v>1.5589290780805216E-2</c:v>
                </c:pt>
                <c:pt idx="125">
                  <c:v>2.8684280727318625E-2</c:v>
                </c:pt>
                <c:pt idx="126">
                  <c:v>1.5589290780805216E-2</c:v>
                </c:pt>
                <c:pt idx="127">
                  <c:v>0.27339360751066921</c:v>
                </c:pt>
                <c:pt idx="128">
                  <c:v>0.27339360751066921</c:v>
                </c:pt>
                <c:pt idx="129">
                  <c:v>0.27339360751066921</c:v>
                </c:pt>
                <c:pt idx="130">
                  <c:v>0.27339360751066921</c:v>
                </c:pt>
                <c:pt idx="131">
                  <c:v>0.27339360751066921</c:v>
                </c:pt>
                <c:pt idx="132">
                  <c:v>0.27339360751066921</c:v>
                </c:pt>
                <c:pt idx="133">
                  <c:v>0.27339360751066921</c:v>
                </c:pt>
                <c:pt idx="134">
                  <c:v>0.27339360751066921</c:v>
                </c:pt>
                <c:pt idx="135">
                  <c:v>0.27339360751066921</c:v>
                </c:pt>
                <c:pt idx="136">
                  <c:v>0.27339360751066921</c:v>
                </c:pt>
                <c:pt idx="137">
                  <c:v>0.27339360751066921</c:v>
                </c:pt>
                <c:pt idx="138">
                  <c:v>0.27339360751066921</c:v>
                </c:pt>
                <c:pt idx="139">
                  <c:v>0.27339360751066921</c:v>
                </c:pt>
                <c:pt idx="140">
                  <c:v>0.27339360751066921</c:v>
                </c:pt>
                <c:pt idx="141">
                  <c:v>0.27339360751066921</c:v>
                </c:pt>
                <c:pt idx="142">
                  <c:v>0.27339360751066921</c:v>
                </c:pt>
                <c:pt idx="143">
                  <c:v>0.27339360751066921</c:v>
                </c:pt>
                <c:pt idx="144">
                  <c:v>0.27339360751066921</c:v>
                </c:pt>
                <c:pt idx="145">
                  <c:v>0.27339360751066921</c:v>
                </c:pt>
                <c:pt idx="146">
                  <c:v>0.27339360751066921</c:v>
                </c:pt>
                <c:pt idx="147">
                  <c:v>0.27339360751066921</c:v>
                </c:pt>
                <c:pt idx="148">
                  <c:v>0.27339360751066921</c:v>
                </c:pt>
                <c:pt idx="149">
                  <c:v>0.27339360751066921</c:v>
                </c:pt>
                <c:pt idx="150">
                  <c:v>0.27339360751066921</c:v>
                </c:pt>
                <c:pt idx="151">
                  <c:v>0.27339360751066921</c:v>
                </c:pt>
                <c:pt idx="152">
                  <c:v>0.27339360751066921</c:v>
                </c:pt>
                <c:pt idx="153">
                  <c:v>0.27339360751066921</c:v>
                </c:pt>
                <c:pt idx="154">
                  <c:v>0.27339360751066921</c:v>
                </c:pt>
                <c:pt idx="155">
                  <c:v>0.27339360751066921</c:v>
                </c:pt>
                <c:pt idx="156">
                  <c:v>0.27339360751066921</c:v>
                </c:pt>
                <c:pt idx="157">
                  <c:v>0.27339360751066921</c:v>
                </c:pt>
                <c:pt idx="158">
                  <c:v>0.27339360751066921</c:v>
                </c:pt>
                <c:pt idx="159">
                  <c:v>0.27339360751066921</c:v>
                </c:pt>
                <c:pt idx="160">
                  <c:v>0.27339360751066921</c:v>
                </c:pt>
                <c:pt idx="161">
                  <c:v>0.27339360751066921</c:v>
                </c:pt>
                <c:pt idx="162">
                  <c:v>0.27339360751066921</c:v>
                </c:pt>
                <c:pt idx="163">
                  <c:v>0.27339360751066921</c:v>
                </c:pt>
                <c:pt idx="164">
                  <c:v>0.27339360751066921</c:v>
                </c:pt>
                <c:pt idx="165">
                  <c:v>0.27339360751066921</c:v>
                </c:pt>
                <c:pt idx="166">
                  <c:v>0.27339360751066921</c:v>
                </c:pt>
                <c:pt idx="167">
                  <c:v>0.27339360751066921</c:v>
                </c:pt>
                <c:pt idx="168">
                  <c:v>0.27339360751066921</c:v>
                </c:pt>
                <c:pt idx="169">
                  <c:v>0.27339360751066921</c:v>
                </c:pt>
                <c:pt idx="170">
                  <c:v>0.27339360751066921</c:v>
                </c:pt>
                <c:pt idx="171">
                  <c:v>0.27339360751066921</c:v>
                </c:pt>
                <c:pt idx="172">
                  <c:v>0.27339360751066921</c:v>
                </c:pt>
                <c:pt idx="173">
                  <c:v>0.27339360751066921</c:v>
                </c:pt>
                <c:pt idx="174">
                  <c:v>0.27339360751066921</c:v>
                </c:pt>
                <c:pt idx="175">
                  <c:v>0.27339360751066921</c:v>
                </c:pt>
                <c:pt idx="176">
                  <c:v>0.27339360751066921</c:v>
                </c:pt>
                <c:pt idx="177">
                  <c:v>0.27339360751066921</c:v>
                </c:pt>
                <c:pt idx="178">
                  <c:v>0.27339360751066921</c:v>
                </c:pt>
                <c:pt idx="179">
                  <c:v>0.27339360751066921</c:v>
                </c:pt>
                <c:pt idx="180">
                  <c:v>1.5589290780805216E-2</c:v>
                </c:pt>
                <c:pt idx="181">
                  <c:v>2.8684280727318625E-2</c:v>
                </c:pt>
                <c:pt idx="182">
                  <c:v>1.5589290780805216E-2</c:v>
                </c:pt>
                <c:pt idx="183">
                  <c:v>3.8245744204813609E-2</c:v>
                </c:pt>
                <c:pt idx="184">
                  <c:v>3.8245744204813609E-2</c:v>
                </c:pt>
                <c:pt idx="185">
                  <c:v>1.5589290780805216E-2</c:v>
                </c:pt>
                <c:pt idx="186">
                  <c:v>2.8684280727318625E-2</c:v>
                </c:pt>
                <c:pt idx="187">
                  <c:v>1.5589290780805216E-2</c:v>
                </c:pt>
                <c:pt idx="188">
                  <c:v>0.27339360751066921</c:v>
                </c:pt>
                <c:pt idx="189">
                  <c:v>0.27339360751066921</c:v>
                </c:pt>
                <c:pt idx="190">
                  <c:v>0.27339360751066921</c:v>
                </c:pt>
                <c:pt idx="191">
                  <c:v>0.27339360751066921</c:v>
                </c:pt>
                <c:pt idx="192">
                  <c:v>0.27339360751066921</c:v>
                </c:pt>
                <c:pt idx="193">
                  <c:v>0.27339360751066921</c:v>
                </c:pt>
                <c:pt idx="194">
                  <c:v>0.27339360751066921</c:v>
                </c:pt>
                <c:pt idx="195">
                  <c:v>0.27339360751066921</c:v>
                </c:pt>
                <c:pt idx="196">
                  <c:v>0.27339360751066921</c:v>
                </c:pt>
                <c:pt idx="197">
                  <c:v>0.27339360751066921</c:v>
                </c:pt>
                <c:pt idx="198">
                  <c:v>0.27339360751066921</c:v>
                </c:pt>
                <c:pt idx="199">
                  <c:v>0.27339360751066921</c:v>
                </c:pt>
                <c:pt idx="200">
                  <c:v>0.27339360751066921</c:v>
                </c:pt>
                <c:pt idx="201">
                  <c:v>0.27339360751066921</c:v>
                </c:pt>
                <c:pt idx="202">
                  <c:v>0.27339360751066921</c:v>
                </c:pt>
                <c:pt idx="203">
                  <c:v>0.27339360751066921</c:v>
                </c:pt>
                <c:pt idx="204">
                  <c:v>0.27339360751066921</c:v>
                </c:pt>
                <c:pt idx="205">
                  <c:v>0.27339360751066921</c:v>
                </c:pt>
                <c:pt idx="206">
                  <c:v>0.27339360751066921</c:v>
                </c:pt>
                <c:pt idx="207">
                  <c:v>0.27339360751066921</c:v>
                </c:pt>
                <c:pt idx="208">
                  <c:v>0.27339360751066921</c:v>
                </c:pt>
                <c:pt idx="209">
                  <c:v>0.27339360751066921</c:v>
                </c:pt>
                <c:pt idx="210">
                  <c:v>0.27339360751066921</c:v>
                </c:pt>
                <c:pt idx="211">
                  <c:v>0.27339360751066921</c:v>
                </c:pt>
                <c:pt idx="212">
                  <c:v>0.27339360751066921</c:v>
                </c:pt>
                <c:pt idx="213">
                  <c:v>0.27339360751066921</c:v>
                </c:pt>
                <c:pt idx="214">
                  <c:v>0.27339360751066921</c:v>
                </c:pt>
                <c:pt idx="215">
                  <c:v>0.27339360751066921</c:v>
                </c:pt>
                <c:pt idx="216">
                  <c:v>0.27339360751066921</c:v>
                </c:pt>
                <c:pt idx="217">
                  <c:v>0.27339360751066921</c:v>
                </c:pt>
                <c:pt idx="218">
                  <c:v>0.27339360751066921</c:v>
                </c:pt>
                <c:pt idx="219">
                  <c:v>0.27339360751066921</c:v>
                </c:pt>
                <c:pt idx="220">
                  <c:v>0.27339360751066921</c:v>
                </c:pt>
                <c:pt idx="221">
                  <c:v>0.27339360751066921</c:v>
                </c:pt>
                <c:pt idx="222">
                  <c:v>0.27339360751066921</c:v>
                </c:pt>
                <c:pt idx="223">
                  <c:v>0.27339360751066921</c:v>
                </c:pt>
                <c:pt idx="224">
                  <c:v>0.27339360751066921</c:v>
                </c:pt>
                <c:pt idx="225">
                  <c:v>0.27339360751066921</c:v>
                </c:pt>
                <c:pt idx="226">
                  <c:v>0.27339360751066921</c:v>
                </c:pt>
                <c:pt idx="227">
                  <c:v>0.27339360751066921</c:v>
                </c:pt>
                <c:pt idx="228">
                  <c:v>0.27339360751066921</c:v>
                </c:pt>
                <c:pt idx="229">
                  <c:v>0.27339360751066921</c:v>
                </c:pt>
                <c:pt idx="230">
                  <c:v>0.27339360751066921</c:v>
                </c:pt>
                <c:pt idx="231">
                  <c:v>0.27339360751066921</c:v>
                </c:pt>
                <c:pt idx="232">
                  <c:v>0.27339360751066921</c:v>
                </c:pt>
                <c:pt idx="233">
                  <c:v>0.27339360751066921</c:v>
                </c:pt>
                <c:pt idx="234">
                  <c:v>0.27339360751066921</c:v>
                </c:pt>
                <c:pt idx="235">
                  <c:v>0.27339360751066921</c:v>
                </c:pt>
                <c:pt idx="236">
                  <c:v>0.27339360751066921</c:v>
                </c:pt>
                <c:pt idx="237">
                  <c:v>0.27339360751066921</c:v>
                </c:pt>
                <c:pt idx="238">
                  <c:v>0.27339360751066921</c:v>
                </c:pt>
                <c:pt idx="239">
                  <c:v>0.27339360751066921</c:v>
                </c:pt>
                <c:pt idx="240">
                  <c:v>0.27339360751066921</c:v>
                </c:pt>
                <c:pt idx="241">
                  <c:v>1.5589290780805216E-2</c:v>
                </c:pt>
                <c:pt idx="242">
                  <c:v>2.8684280727318625E-2</c:v>
                </c:pt>
                <c:pt idx="243">
                  <c:v>1.5589290780805216E-2</c:v>
                </c:pt>
                <c:pt idx="244">
                  <c:v>0.27339360751066921</c:v>
                </c:pt>
                <c:pt idx="245">
                  <c:v>0.27339360751066921</c:v>
                </c:pt>
                <c:pt idx="246">
                  <c:v>0.27339360751066921</c:v>
                </c:pt>
                <c:pt idx="247">
                  <c:v>0.27339360751066921</c:v>
                </c:pt>
                <c:pt idx="248">
                  <c:v>0.27339360751066921</c:v>
                </c:pt>
                <c:pt idx="249">
                  <c:v>0.27339360751066921</c:v>
                </c:pt>
                <c:pt idx="250">
                  <c:v>0.27339360751066921</c:v>
                </c:pt>
                <c:pt idx="251">
                  <c:v>0.27339360751066921</c:v>
                </c:pt>
                <c:pt idx="252">
                  <c:v>0.27339360751066921</c:v>
                </c:pt>
                <c:pt idx="253">
                  <c:v>0.27339360751066921</c:v>
                </c:pt>
                <c:pt idx="254">
                  <c:v>0.27339360751066921</c:v>
                </c:pt>
                <c:pt idx="255">
                  <c:v>0.27339360751066921</c:v>
                </c:pt>
                <c:pt idx="256">
                  <c:v>0.27339360751066921</c:v>
                </c:pt>
                <c:pt idx="257">
                  <c:v>0.27339360751066921</c:v>
                </c:pt>
                <c:pt idx="258">
                  <c:v>0.27339360751066921</c:v>
                </c:pt>
                <c:pt idx="259">
                  <c:v>0.27339360751066921</c:v>
                </c:pt>
                <c:pt idx="260">
                  <c:v>0.27339360751066921</c:v>
                </c:pt>
                <c:pt idx="261">
                  <c:v>0.27339360751066921</c:v>
                </c:pt>
                <c:pt idx="262">
                  <c:v>0.27339360751066921</c:v>
                </c:pt>
                <c:pt idx="263">
                  <c:v>0.27339360751066921</c:v>
                </c:pt>
                <c:pt idx="264">
                  <c:v>0.27339360751066921</c:v>
                </c:pt>
                <c:pt idx="265">
                  <c:v>0.27339360751066921</c:v>
                </c:pt>
                <c:pt idx="266">
                  <c:v>0.27339360751066921</c:v>
                </c:pt>
                <c:pt idx="267">
                  <c:v>0.27339360751066921</c:v>
                </c:pt>
                <c:pt idx="268">
                  <c:v>0.27339360751066921</c:v>
                </c:pt>
                <c:pt idx="269">
                  <c:v>0.27339360751066921</c:v>
                </c:pt>
                <c:pt idx="270">
                  <c:v>0.27339360751066921</c:v>
                </c:pt>
                <c:pt idx="271">
                  <c:v>0.27339360751066921</c:v>
                </c:pt>
                <c:pt idx="272">
                  <c:v>0.27339360751066921</c:v>
                </c:pt>
                <c:pt idx="273">
                  <c:v>0.27339360751066921</c:v>
                </c:pt>
                <c:pt idx="274">
                  <c:v>0.27339360751066921</c:v>
                </c:pt>
                <c:pt idx="275">
                  <c:v>0.27339360751066921</c:v>
                </c:pt>
                <c:pt idx="276">
                  <c:v>0.27339360751066921</c:v>
                </c:pt>
                <c:pt idx="277">
                  <c:v>0.27339360751066921</c:v>
                </c:pt>
                <c:pt idx="278">
                  <c:v>0.27339360751066921</c:v>
                </c:pt>
                <c:pt idx="279">
                  <c:v>0.27339360751066921</c:v>
                </c:pt>
                <c:pt idx="280">
                  <c:v>0.27339360751066921</c:v>
                </c:pt>
                <c:pt idx="281">
                  <c:v>0.27339360751066921</c:v>
                </c:pt>
                <c:pt idx="282">
                  <c:v>0.27339360751066921</c:v>
                </c:pt>
                <c:pt idx="283">
                  <c:v>0.27339360751066921</c:v>
                </c:pt>
                <c:pt idx="284">
                  <c:v>0.27339360751066921</c:v>
                </c:pt>
                <c:pt idx="285">
                  <c:v>0.27339360751066921</c:v>
                </c:pt>
                <c:pt idx="286">
                  <c:v>0.27339360751066921</c:v>
                </c:pt>
                <c:pt idx="287">
                  <c:v>0.27339360751066921</c:v>
                </c:pt>
                <c:pt idx="288">
                  <c:v>0.27339360751066921</c:v>
                </c:pt>
                <c:pt idx="289">
                  <c:v>0.27339360751066921</c:v>
                </c:pt>
                <c:pt idx="290">
                  <c:v>0.27339360751066921</c:v>
                </c:pt>
                <c:pt idx="291">
                  <c:v>0.27339360751066921</c:v>
                </c:pt>
                <c:pt idx="292">
                  <c:v>0.27339360751066921</c:v>
                </c:pt>
                <c:pt idx="293">
                  <c:v>0.27339360751066921</c:v>
                </c:pt>
                <c:pt idx="294">
                  <c:v>0.27339360751066921</c:v>
                </c:pt>
                <c:pt idx="295">
                  <c:v>0.27339360751066921</c:v>
                </c:pt>
                <c:pt idx="296">
                  <c:v>0.27339360751066921</c:v>
                </c:pt>
                <c:pt idx="297">
                  <c:v>1.5589290780805216E-2</c:v>
                </c:pt>
                <c:pt idx="298">
                  <c:v>2.8684280727318625E-2</c:v>
                </c:pt>
                <c:pt idx="299">
                  <c:v>1.5589290780805216E-2</c:v>
                </c:pt>
                <c:pt idx="300">
                  <c:v>1.9122872102406804E-2</c:v>
                </c:pt>
                <c:pt idx="301">
                  <c:v>1.5589290780805216E-2</c:v>
                </c:pt>
                <c:pt idx="302">
                  <c:v>2.8684280727318625E-2</c:v>
                </c:pt>
                <c:pt idx="303">
                  <c:v>1.5589290780805216E-2</c:v>
                </c:pt>
                <c:pt idx="304">
                  <c:v>0.27339360751066921</c:v>
                </c:pt>
                <c:pt idx="305">
                  <c:v>0.27339360751066921</c:v>
                </c:pt>
                <c:pt idx="306">
                  <c:v>0.27339360751066921</c:v>
                </c:pt>
                <c:pt idx="307">
                  <c:v>0.27339360751066921</c:v>
                </c:pt>
                <c:pt idx="308">
                  <c:v>0.27339360751066921</c:v>
                </c:pt>
                <c:pt idx="309">
                  <c:v>0.27339360751066921</c:v>
                </c:pt>
                <c:pt idx="310">
                  <c:v>0.27339360751066921</c:v>
                </c:pt>
                <c:pt idx="311">
                  <c:v>0.27339360751066921</c:v>
                </c:pt>
                <c:pt idx="312">
                  <c:v>0.27339360751066921</c:v>
                </c:pt>
                <c:pt idx="313">
                  <c:v>0.27339360751066921</c:v>
                </c:pt>
                <c:pt idx="314">
                  <c:v>0.27339360751066921</c:v>
                </c:pt>
                <c:pt idx="315">
                  <c:v>0.27339360751066921</c:v>
                </c:pt>
                <c:pt idx="316">
                  <c:v>0.27339360751066921</c:v>
                </c:pt>
                <c:pt idx="317">
                  <c:v>0.27339360751066921</c:v>
                </c:pt>
                <c:pt idx="318">
                  <c:v>0.27339360751066921</c:v>
                </c:pt>
                <c:pt idx="319">
                  <c:v>0.27339360751066921</c:v>
                </c:pt>
                <c:pt idx="320">
                  <c:v>0.27339360751066921</c:v>
                </c:pt>
                <c:pt idx="321">
                  <c:v>0.27339360751066921</c:v>
                </c:pt>
                <c:pt idx="322">
                  <c:v>0.27339360751066921</c:v>
                </c:pt>
                <c:pt idx="323">
                  <c:v>0.27339360751066921</c:v>
                </c:pt>
                <c:pt idx="324">
                  <c:v>0.27339360751066921</c:v>
                </c:pt>
                <c:pt idx="325">
                  <c:v>0.27339360751066921</c:v>
                </c:pt>
                <c:pt idx="326">
                  <c:v>0.27339360751066921</c:v>
                </c:pt>
                <c:pt idx="327">
                  <c:v>0.27339360751066921</c:v>
                </c:pt>
                <c:pt idx="328">
                  <c:v>0.27339360751066921</c:v>
                </c:pt>
                <c:pt idx="329">
                  <c:v>0.27339360751066921</c:v>
                </c:pt>
                <c:pt idx="330">
                  <c:v>0.27339360751066921</c:v>
                </c:pt>
                <c:pt idx="331">
                  <c:v>0.27339360751066921</c:v>
                </c:pt>
                <c:pt idx="332">
                  <c:v>0.27339360751066921</c:v>
                </c:pt>
                <c:pt idx="333">
                  <c:v>0.27339360751066921</c:v>
                </c:pt>
                <c:pt idx="334">
                  <c:v>0.27339360751066921</c:v>
                </c:pt>
                <c:pt idx="335">
                  <c:v>0.27339360751066921</c:v>
                </c:pt>
                <c:pt idx="336">
                  <c:v>0.27339360751066921</c:v>
                </c:pt>
                <c:pt idx="337">
                  <c:v>0.27339360751066921</c:v>
                </c:pt>
                <c:pt idx="338">
                  <c:v>0.27339360751066921</c:v>
                </c:pt>
                <c:pt idx="339">
                  <c:v>0.27339360751066921</c:v>
                </c:pt>
                <c:pt idx="340">
                  <c:v>0.27339360751066921</c:v>
                </c:pt>
                <c:pt idx="341">
                  <c:v>0.27339360751066921</c:v>
                </c:pt>
                <c:pt idx="342">
                  <c:v>0.27339360751066921</c:v>
                </c:pt>
                <c:pt idx="343">
                  <c:v>0.27339360751066921</c:v>
                </c:pt>
                <c:pt idx="344">
                  <c:v>0.27339360751066921</c:v>
                </c:pt>
                <c:pt idx="345">
                  <c:v>0.27339360751066921</c:v>
                </c:pt>
                <c:pt idx="346">
                  <c:v>0.27339360751066921</c:v>
                </c:pt>
                <c:pt idx="347">
                  <c:v>0.27339360751066921</c:v>
                </c:pt>
                <c:pt idx="348">
                  <c:v>0.27339360751066921</c:v>
                </c:pt>
                <c:pt idx="349">
                  <c:v>0.27339360751066921</c:v>
                </c:pt>
                <c:pt idx="350">
                  <c:v>0.27339360751066921</c:v>
                </c:pt>
                <c:pt idx="351">
                  <c:v>0.27339360751066921</c:v>
                </c:pt>
                <c:pt idx="352">
                  <c:v>0.27339360751066921</c:v>
                </c:pt>
                <c:pt idx="353">
                  <c:v>0.27339360751066921</c:v>
                </c:pt>
                <c:pt idx="354">
                  <c:v>0.27339360751066921</c:v>
                </c:pt>
                <c:pt idx="355">
                  <c:v>0.27339360751066921</c:v>
                </c:pt>
                <c:pt idx="356">
                  <c:v>0.27339360751066921</c:v>
                </c:pt>
                <c:pt idx="357">
                  <c:v>2.9724660470065783E-3</c:v>
                </c:pt>
                <c:pt idx="358">
                  <c:v>2.8684280727318625E-2</c:v>
                </c:pt>
                <c:pt idx="359">
                  <c:v>3.824574420481361E-3</c:v>
                </c:pt>
                <c:pt idx="360">
                  <c:v>2.8684280727318625E-2</c:v>
                </c:pt>
                <c:pt idx="361">
                  <c:v>3.824574420481361E-3</c:v>
                </c:pt>
                <c:pt idx="362">
                  <c:v>2.8684280727318625E-2</c:v>
                </c:pt>
                <c:pt idx="363">
                  <c:v>3.824574420481361E-3</c:v>
                </c:pt>
                <c:pt idx="364">
                  <c:v>2.8684280727318625E-2</c:v>
                </c:pt>
                <c:pt idx="365">
                  <c:v>9.5614177670264935E-3</c:v>
                </c:pt>
                <c:pt idx="366">
                  <c:v>0.17389731711219159</c:v>
                </c:pt>
                <c:pt idx="367">
                  <c:v>0.17389731711219159</c:v>
                </c:pt>
                <c:pt idx="368">
                  <c:v>0.17389731711219159</c:v>
                </c:pt>
                <c:pt idx="369">
                  <c:v>0.17389731711219159</c:v>
                </c:pt>
                <c:pt idx="370">
                  <c:v>0.17389731711219159</c:v>
                </c:pt>
                <c:pt idx="371">
                  <c:v>0.17389731711219159</c:v>
                </c:pt>
                <c:pt idx="372">
                  <c:v>0.17389731711219159</c:v>
                </c:pt>
                <c:pt idx="373">
                  <c:v>0.17389731711219159</c:v>
                </c:pt>
                <c:pt idx="374">
                  <c:v>0.17389731711219159</c:v>
                </c:pt>
                <c:pt idx="375">
                  <c:v>0.17389731711219159</c:v>
                </c:pt>
                <c:pt idx="376">
                  <c:v>0.17389731711219159</c:v>
                </c:pt>
                <c:pt idx="377">
                  <c:v>0.17389731711219159</c:v>
                </c:pt>
                <c:pt idx="378">
                  <c:v>0.17389731711219159</c:v>
                </c:pt>
                <c:pt idx="379">
                  <c:v>0.17389731711219159</c:v>
                </c:pt>
                <c:pt idx="380">
                  <c:v>0.17389731711219159</c:v>
                </c:pt>
                <c:pt idx="381">
                  <c:v>0.17389731711219159</c:v>
                </c:pt>
                <c:pt idx="382">
                  <c:v>0.17389731711219159</c:v>
                </c:pt>
                <c:pt idx="383">
                  <c:v>0.17389731711219159</c:v>
                </c:pt>
                <c:pt idx="384">
                  <c:v>4.8699954709042117E-3</c:v>
                </c:pt>
                <c:pt idx="385">
                  <c:v>0.14065211948678855</c:v>
                </c:pt>
                <c:pt idx="386">
                  <c:v>0.14065211948678855</c:v>
                </c:pt>
                <c:pt idx="387">
                  <c:v>0.14065211948678855</c:v>
                </c:pt>
                <c:pt idx="388">
                  <c:v>0.14065211948678855</c:v>
                </c:pt>
                <c:pt idx="389">
                  <c:v>0.14065211948678855</c:v>
                </c:pt>
                <c:pt idx="390">
                  <c:v>0.14065211948678855</c:v>
                </c:pt>
                <c:pt idx="391">
                  <c:v>0.14065211948678855</c:v>
                </c:pt>
                <c:pt idx="392">
                  <c:v>0.14065211948678855</c:v>
                </c:pt>
                <c:pt idx="393">
                  <c:v>0.14065211948678855</c:v>
                </c:pt>
                <c:pt idx="394">
                  <c:v>0.14065211948678855</c:v>
                </c:pt>
                <c:pt idx="395">
                  <c:v>0.14065211948678855</c:v>
                </c:pt>
                <c:pt idx="396">
                  <c:v>0.14065211948678855</c:v>
                </c:pt>
                <c:pt idx="397">
                  <c:v>0.14065211948678855</c:v>
                </c:pt>
                <c:pt idx="398">
                  <c:v>0.14065211948678855</c:v>
                </c:pt>
                <c:pt idx="399">
                  <c:v>0.14065211948678855</c:v>
                </c:pt>
                <c:pt idx="400">
                  <c:v>0.14065211948678855</c:v>
                </c:pt>
                <c:pt idx="401">
                  <c:v>0.14065211948678855</c:v>
                </c:pt>
                <c:pt idx="402">
                  <c:v>0.14065211948678855</c:v>
                </c:pt>
                <c:pt idx="403">
                  <c:v>2.8684280727318625E-2</c:v>
                </c:pt>
                <c:pt idx="404">
                  <c:v>0.14065211948678855</c:v>
                </c:pt>
                <c:pt idx="405">
                  <c:v>0.14065211948678855</c:v>
                </c:pt>
                <c:pt idx="406">
                  <c:v>0.14065211948678855</c:v>
                </c:pt>
                <c:pt idx="407">
                  <c:v>0.14065211948678855</c:v>
                </c:pt>
                <c:pt idx="408">
                  <c:v>0.14065211948678855</c:v>
                </c:pt>
                <c:pt idx="409">
                  <c:v>0.14065211948678855</c:v>
                </c:pt>
                <c:pt idx="410">
                  <c:v>0.14065211948678855</c:v>
                </c:pt>
                <c:pt idx="411">
                  <c:v>0.14065211948678855</c:v>
                </c:pt>
                <c:pt idx="412">
                  <c:v>0.14065211948678855</c:v>
                </c:pt>
                <c:pt idx="413">
                  <c:v>0.14065211948678855</c:v>
                </c:pt>
                <c:pt idx="414">
                  <c:v>0.14065211948678855</c:v>
                </c:pt>
                <c:pt idx="415">
                  <c:v>0.14065211948678855</c:v>
                </c:pt>
                <c:pt idx="416">
                  <c:v>0.14065211948678855</c:v>
                </c:pt>
                <c:pt idx="417">
                  <c:v>0.14065211948678855</c:v>
                </c:pt>
                <c:pt idx="418">
                  <c:v>0.14065211948678855</c:v>
                </c:pt>
                <c:pt idx="419">
                  <c:v>0.14065211948678855</c:v>
                </c:pt>
                <c:pt idx="420">
                  <c:v>0.14065211948678855</c:v>
                </c:pt>
                <c:pt idx="421">
                  <c:v>0.14065211948678855</c:v>
                </c:pt>
                <c:pt idx="422">
                  <c:v>106379207067337.42</c:v>
                </c:pt>
                <c:pt idx="423">
                  <c:v>102393174878097.98</c:v>
                </c:pt>
                <c:pt idx="424">
                  <c:v>96299812886486.797</c:v>
                </c:pt>
                <c:pt idx="425">
                  <c:v>90554767221051.313</c:v>
                </c:pt>
                <c:pt idx="426">
                  <c:v>84782941368780.563</c:v>
                </c:pt>
                <c:pt idx="427">
                  <c:v>79054937640422.078</c:v>
                </c:pt>
                <c:pt idx="428">
                  <c:v>73618907507494.969</c:v>
                </c:pt>
                <c:pt idx="429">
                  <c:v>68262696243122.359</c:v>
                </c:pt>
                <c:pt idx="430">
                  <c:v>63190459297593.961</c:v>
                </c:pt>
                <c:pt idx="431">
                  <c:v>58056662701807.836</c:v>
                </c:pt>
                <c:pt idx="432">
                  <c:v>53148758720950.453</c:v>
                </c:pt>
                <c:pt idx="433">
                  <c:v>48499092256004.672</c:v>
                </c:pt>
                <c:pt idx="434">
                  <c:v>43782823118604.93</c:v>
                </c:pt>
                <c:pt idx="435">
                  <c:v>39111245591703.016</c:v>
                </c:pt>
                <c:pt idx="436">
                  <c:v>34704513678762.965</c:v>
                </c:pt>
                <c:pt idx="437">
                  <c:v>30524543867337.215</c:v>
                </c:pt>
                <c:pt idx="438">
                  <c:v>26493082364725.277</c:v>
                </c:pt>
                <c:pt idx="439">
                  <c:v>22458142915771.098</c:v>
                </c:pt>
                <c:pt idx="440">
                  <c:v>18539888566599.195</c:v>
                </c:pt>
                <c:pt idx="441">
                  <c:v>12595112203237.496</c:v>
                </c:pt>
                <c:pt idx="442">
                  <c:v>10040104951076.508</c:v>
                </c:pt>
                <c:pt idx="443">
                  <c:v>10399285187724.275</c:v>
                </c:pt>
                <c:pt idx="444">
                  <c:v>8367339059191.0049</c:v>
                </c:pt>
                <c:pt idx="445">
                  <c:v>5830992604261.3818</c:v>
                </c:pt>
                <c:pt idx="446">
                  <c:v>4676713814062.7559</c:v>
                </c:pt>
                <c:pt idx="447">
                  <c:v>4979360253095.0156</c:v>
                </c:pt>
                <c:pt idx="448">
                  <c:v>5347395323888.5566</c:v>
                </c:pt>
                <c:pt idx="449">
                  <c:v>5238424425308.7871</c:v>
                </c:pt>
                <c:pt idx="450">
                  <c:v>5120454971373.0605</c:v>
                </c:pt>
                <c:pt idx="451">
                  <c:v>4941512583830.0508</c:v>
                </c:pt>
                <c:pt idx="452">
                  <c:v>4644544393227.0684</c:v>
                </c:pt>
                <c:pt idx="453">
                  <c:v>4369905843713.4722</c:v>
                </c:pt>
                <c:pt idx="454">
                  <c:v>3965535412580.8779</c:v>
                </c:pt>
                <c:pt idx="455">
                  <c:v>3036577966064.296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F1B1-4E02-8561-C33805E319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752237583"/>
        <c:axId val="626483599"/>
      </c:scatterChart>
      <c:scatterChart>
        <c:scatterStyle val="lineMarker"/>
        <c:varyColors val="0"/>
        <c:ser>
          <c:idx val="2"/>
          <c:order val="2"/>
          <c:tx>
            <c:strRef>
              <c:f>'Flux ext'!$P$1</c:f>
              <c:strCache>
                <c:ptCount val="1"/>
                <c:pt idx="0">
                  <c:v>Power ext. (W/cm2)</c:v>
                </c:pt>
              </c:strCache>
            </c:strRef>
          </c:tx>
          <c:spPr>
            <a:ln w="19050" cap="rnd">
              <a:solidFill>
                <a:schemeClr val="tx1"/>
              </a:solidFill>
              <a:round/>
            </a:ln>
            <a:effectLst/>
          </c:spPr>
          <c:marker>
            <c:symbol val="square"/>
            <c:size val="3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xVal>
            <c:numRef>
              <c:f>'Flux ext'!$M$2:$M$457</c:f>
              <c:numCache>
                <c:formatCode>General</c:formatCode>
                <c:ptCount val="456"/>
                <c:pt idx="0">
                  <c:v>0.05</c:v>
                </c:pt>
                <c:pt idx="1">
                  <c:v>1.1500000000000001</c:v>
                </c:pt>
                <c:pt idx="2">
                  <c:v>3.25</c:v>
                </c:pt>
                <c:pt idx="3">
                  <c:v>4.3499999999999996</c:v>
                </c:pt>
                <c:pt idx="4">
                  <c:v>4.5299999999999994</c:v>
                </c:pt>
                <c:pt idx="5">
                  <c:v>4.7099999999999991</c:v>
                </c:pt>
                <c:pt idx="6">
                  <c:v>6.4994999999999994</c:v>
                </c:pt>
                <c:pt idx="7">
                  <c:v>8.2889999999999997</c:v>
                </c:pt>
                <c:pt idx="8">
                  <c:v>8.4689999999999994</c:v>
                </c:pt>
                <c:pt idx="9">
                  <c:v>8.6489999999999991</c:v>
                </c:pt>
                <c:pt idx="10">
                  <c:v>10.449</c:v>
                </c:pt>
                <c:pt idx="11">
                  <c:v>12.206214299999999</c:v>
                </c:pt>
                <c:pt idx="12">
                  <c:v>12.2206429</c:v>
                </c:pt>
                <c:pt idx="13">
                  <c:v>12.2350715</c:v>
                </c:pt>
                <c:pt idx="14">
                  <c:v>12.249500100000001</c:v>
                </c:pt>
                <c:pt idx="15">
                  <c:v>12.263928700000001</c:v>
                </c:pt>
                <c:pt idx="16">
                  <c:v>12.278357300000001</c:v>
                </c:pt>
                <c:pt idx="17">
                  <c:v>12.292785900000002</c:v>
                </c:pt>
                <c:pt idx="18">
                  <c:v>12.307214500000002</c:v>
                </c:pt>
                <c:pt idx="19">
                  <c:v>12.321643100000003</c:v>
                </c:pt>
                <c:pt idx="20">
                  <c:v>12.336071700000003</c:v>
                </c:pt>
                <c:pt idx="21">
                  <c:v>12.350500300000004</c:v>
                </c:pt>
                <c:pt idx="22">
                  <c:v>12.364928900000004</c:v>
                </c:pt>
                <c:pt idx="23">
                  <c:v>12.379357500000005</c:v>
                </c:pt>
                <c:pt idx="24">
                  <c:v>12.393786100000005</c:v>
                </c:pt>
                <c:pt idx="25">
                  <c:v>12.408214700000006</c:v>
                </c:pt>
                <c:pt idx="26">
                  <c:v>12.422643300000006</c:v>
                </c:pt>
                <c:pt idx="27">
                  <c:v>12.437071900000007</c:v>
                </c:pt>
                <c:pt idx="28">
                  <c:v>12.451500500000007</c:v>
                </c:pt>
                <c:pt idx="29">
                  <c:v>12.465929100000007</c:v>
                </c:pt>
                <c:pt idx="30">
                  <c:v>12.480357700000008</c:v>
                </c:pt>
                <c:pt idx="31">
                  <c:v>12.494786300000008</c:v>
                </c:pt>
                <c:pt idx="32">
                  <c:v>12.509214900000009</c:v>
                </c:pt>
                <c:pt idx="33">
                  <c:v>12.523643500000009</c:v>
                </c:pt>
                <c:pt idx="34">
                  <c:v>12.53807210000001</c:v>
                </c:pt>
                <c:pt idx="35">
                  <c:v>12.55250070000001</c:v>
                </c:pt>
                <c:pt idx="36">
                  <c:v>12.566929300000011</c:v>
                </c:pt>
                <c:pt idx="37">
                  <c:v>12.581357900000011</c:v>
                </c:pt>
                <c:pt idx="38">
                  <c:v>12.595786500000012</c:v>
                </c:pt>
                <c:pt idx="39">
                  <c:v>12.610215100000012</c:v>
                </c:pt>
                <c:pt idx="40">
                  <c:v>12.624643700000012</c:v>
                </c:pt>
                <c:pt idx="41">
                  <c:v>12.639072300000013</c:v>
                </c:pt>
                <c:pt idx="42">
                  <c:v>12.653500900000013</c:v>
                </c:pt>
                <c:pt idx="43">
                  <c:v>12.667929500000014</c:v>
                </c:pt>
                <c:pt idx="44">
                  <c:v>12.682358100000014</c:v>
                </c:pt>
                <c:pt idx="45">
                  <c:v>12.696786700000015</c:v>
                </c:pt>
                <c:pt idx="46">
                  <c:v>12.711215300000015</c:v>
                </c:pt>
                <c:pt idx="47">
                  <c:v>12.725643900000016</c:v>
                </c:pt>
                <c:pt idx="48">
                  <c:v>12.740072500000016</c:v>
                </c:pt>
                <c:pt idx="49">
                  <c:v>12.754501100000017</c:v>
                </c:pt>
                <c:pt idx="50">
                  <c:v>12.768929700000017</c:v>
                </c:pt>
                <c:pt idx="51">
                  <c:v>12.783358300000017</c:v>
                </c:pt>
                <c:pt idx="52">
                  <c:v>12.797786900000018</c:v>
                </c:pt>
                <c:pt idx="53">
                  <c:v>12.812215500000018</c:v>
                </c:pt>
                <c:pt idx="54">
                  <c:v>12.826644100000019</c:v>
                </c:pt>
                <c:pt idx="55">
                  <c:v>12.841072700000019</c:v>
                </c:pt>
                <c:pt idx="56">
                  <c:v>12.85550130000002</c:v>
                </c:pt>
                <c:pt idx="57">
                  <c:v>12.86992990000002</c:v>
                </c:pt>
                <c:pt idx="58">
                  <c:v>12.884358500000021</c:v>
                </c:pt>
                <c:pt idx="59">
                  <c:v>12.898787100000021</c:v>
                </c:pt>
                <c:pt idx="60">
                  <c:v>12.913215700000022</c:v>
                </c:pt>
                <c:pt idx="61">
                  <c:v>12.927644300000022</c:v>
                </c:pt>
                <c:pt idx="62">
                  <c:v>12.942072900000023</c:v>
                </c:pt>
                <c:pt idx="63">
                  <c:v>12.956501500000023</c:v>
                </c:pt>
                <c:pt idx="64">
                  <c:v>13.055715800000023</c:v>
                </c:pt>
                <c:pt idx="65">
                  <c:v>13.197715800000022</c:v>
                </c:pt>
                <c:pt idx="66">
                  <c:v>13.339715800000022</c:v>
                </c:pt>
                <c:pt idx="67">
                  <c:v>13.506715800000022</c:v>
                </c:pt>
                <c:pt idx="68">
                  <c:v>13.673715800000021</c:v>
                </c:pt>
                <c:pt idx="69">
                  <c:v>13.815715800000021</c:v>
                </c:pt>
                <c:pt idx="70">
                  <c:v>13.95771580000002</c:v>
                </c:pt>
                <c:pt idx="71">
                  <c:v>14.05693010000002</c:v>
                </c:pt>
                <c:pt idx="72">
                  <c:v>14.071358700000021</c:v>
                </c:pt>
                <c:pt idx="73">
                  <c:v>14.085787300000021</c:v>
                </c:pt>
                <c:pt idx="74">
                  <c:v>14.100215900000022</c:v>
                </c:pt>
                <c:pt idx="75">
                  <c:v>14.114644500000022</c:v>
                </c:pt>
                <c:pt idx="76">
                  <c:v>14.129073100000022</c:v>
                </c:pt>
                <c:pt idx="77">
                  <c:v>14.143501700000023</c:v>
                </c:pt>
                <c:pt idx="78">
                  <c:v>14.157930300000023</c:v>
                </c:pt>
                <c:pt idx="79">
                  <c:v>14.172358900000024</c:v>
                </c:pt>
                <c:pt idx="80">
                  <c:v>14.186787500000024</c:v>
                </c:pt>
                <c:pt idx="81">
                  <c:v>14.201216100000025</c:v>
                </c:pt>
                <c:pt idx="82">
                  <c:v>14.215644700000025</c:v>
                </c:pt>
                <c:pt idx="83">
                  <c:v>14.230073300000026</c:v>
                </c:pt>
                <c:pt idx="84">
                  <c:v>14.244501900000026</c:v>
                </c:pt>
                <c:pt idx="85">
                  <c:v>14.258930500000027</c:v>
                </c:pt>
                <c:pt idx="86">
                  <c:v>14.273359100000027</c:v>
                </c:pt>
                <c:pt idx="87">
                  <c:v>14.287787700000028</c:v>
                </c:pt>
                <c:pt idx="88">
                  <c:v>14.302216300000028</c:v>
                </c:pt>
                <c:pt idx="89">
                  <c:v>14.316644900000028</c:v>
                </c:pt>
                <c:pt idx="90">
                  <c:v>14.331073500000029</c:v>
                </c:pt>
                <c:pt idx="91">
                  <c:v>14.345502100000029</c:v>
                </c:pt>
                <c:pt idx="92">
                  <c:v>14.35993070000003</c:v>
                </c:pt>
                <c:pt idx="93">
                  <c:v>14.37435930000003</c:v>
                </c:pt>
                <c:pt idx="94">
                  <c:v>14.388787900000031</c:v>
                </c:pt>
                <c:pt idx="95">
                  <c:v>14.403216500000031</c:v>
                </c:pt>
                <c:pt idx="96">
                  <c:v>14.417645100000032</c:v>
                </c:pt>
                <c:pt idx="97">
                  <c:v>14.432073700000032</c:v>
                </c:pt>
                <c:pt idx="98">
                  <c:v>14.446502300000033</c:v>
                </c:pt>
                <c:pt idx="99">
                  <c:v>14.460930900000033</c:v>
                </c:pt>
                <c:pt idx="100">
                  <c:v>14.475359500000033</c:v>
                </c:pt>
                <c:pt idx="101">
                  <c:v>14.489788100000034</c:v>
                </c:pt>
                <c:pt idx="102">
                  <c:v>14.504216700000034</c:v>
                </c:pt>
                <c:pt idx="103">
                  <c:v>14.518645300000035</c:v>
                </c:pt>
                <c:pt idx="104">
                  <c:v>14.533073900000035</c:v>
                </c:pt>
                <c:pt idx="105">
                  <c:v>14.547502500000036</c:v>
                </c:pt>
                <c:pt idx="106">
                  <c:v>14.561931100000036</c:v>
                </c:pt>
                <c:pt idx="107">
                  <c:v>14.576359700000037</c:v>
                </c:pt>
                <c:pt idx="108">
                  <c:v>14.590788300000037</c:v>
                </c:pt>
                <c:pt idx="109">
                  <c:v>14.605216900000038</c:v>
                </c:pt>
                <c:pt idx="110">
                  <c:v>14.619645500000038</c:v>
                </c:pt>
                <c:pt idx="111">
                  <c:v>14.634074100000038</c:v>
                </c:pt>
                <c:pt idx="112">
                  <c:v>14.648502700000039</c:v>
                </c:pt>
                <c:pt idx="113">
                  <c:v>14.662931300000039</c:v>
                </c:pt>
                <c:pt idx="114">
                  <c:v>14.67735990000004</c:v>
                </c:pt>
                <c:pt idx="115">
                  <c:v>14.69178850000004</c:v>
                </c:pt>
                <c:pt idx="116">
                  <c:v>14.706217100000041</c:v>
                </c:pt>
                <c:pt idx="117">
                  <c:v>14.720645700000041</c:v>
                </c:pt>
                <c:pt idx="118">
                  <c:v>14.735074300000042</c:v>
                </c:pt>
                <c:pt idx="119">
                  <c:v>14.749502900000042</c:v>
                </c:pt>
                <c:pt idx="120">
                  <c:v>14.763931500000043</c:v>
                </c:pt>
                <c:pt idx="121">
                  <c:v>14.778360100000043</c:v>
                </c:pt>
                <c:pt idx="122">
                  <c:v>14.792788700000044</c:v>
                </c:pt>
                <c:pt idx="123">
                  <c:v>14.807217300000044</c:v>
                </c:pt>
                <c:pt idx="124">
                  <c:v>14.906431600000044</c:v>
                </c:pt>
                <c:pt idx="125">
                  <c:v>15.048431600000043</c:v>
                </c:pt>
                <c:pt idx="126">
                  <c:v>15.190431600000043</c:v>
                </c:pt>
                <c:pt idx="127">
                  <c:v>15.289645900000043</c:v>
                </c:pt>
                <c:pt idx="128">
                  <c:v>15.304074500000043</c:v>
                </c:pt>
                <c:pt idx="129">
                  <c:v>15.318503100000044</c:v>
                </c:pt>
                <c:pt idx="130">
                  <c:v>15.332931700000044</c:v>
                </c:pt>
                <c:pt idx="131">
                  <c:v>15.347360300000044</c:v>
                </c:pt>
                <c:pt idx="132">
                  <c:v>15.361788900000045</c:v>
                </c:pt>
                <c:pt idx="133">
                  <c:v>15.376217500000045</c:v>
                </c:pt>
                <c:pt idx="134">
                  <c:v>15.390646100000046</c:v>
                </c:pt>
                <c:pt idx="135">
                  <c:v>15.405074700000046</c:v>
                </c:pt>
                <c:pt idx="136">
                  <c:v>15.419503300000047</c:v>
                </c:pt>
                <c:pt idx="137">
                  <c:v>15.433931900000047</c:v>
                </c:pt>
                <c:pt idx="138">
                  <c:v>15.448360500000048</c:v>
                </c:pt>
                <c:pt idx="139">
                  <c:v>15.462789100000048</c:v>
                </c:pt>
                <c:pt idx="140">
                  <c:v>15.477217700000049</c:v>
                </c:pt>
                <c:pt idx="141">
                  <c:v>15.491646300000049</c:v>
                </c:pt>
                <c:pt idx="142">
                  <c:v>15.50607490000005</c:v>
                </c:pt>
                <c:pt idx="143">
                  <c:v>15.52050350000005</c:v>
                </c:pt>
                <c:pt idx="144">
                  <c:v>15.53493210000005</c:v>
                </c:pt>
                <c:pt idx="145">
                  <c:v>15.549360700000051</c:v>
                </c:pt>
                <c:pt idx="146">
                  <c:v>15.563789300000051</c:v>
                </c:pt>
                <c:pt idx="147">
                  <c:v>15.578217900000052</c:v>
                </c:pt>
                <c:pt idx="148">
                  <c:v>15.592646500000052</c:v>
                </c:pt>
                <c:pt idx="149">
                  <c:v>15.607075100000053</c:v>
                </c:pt>
                <c:pt idx="150">
                  <c:v>15.621503700000053</c:v>
                </c:pt>
                <c:pt idx="151">
                  <c:v>15.635932300000054</c:v>
                </c:pt>
                <c:pt idx="152">
                  <c:v>15.650360900000054</c:v>
                </c:pt>
                <c:pt idx="153">
                  <c:v>15.664789500000055</c:v>
                </c:pt>
                <c:pt idx="154">
                  <c:v>15.679218100000055</c:v>
                </c:pt>
                <c:pt idx="155">
                  <c:v>15.693646700000055</c:v>
                </c:pt>
                <c:pt idx="156">
                  <c:v>15.708075300000056</c:v>
                </c:pt>
                <c:pt idx="157">
                  <c:v>15.722503900000056</c:v>
                </c:pt>
                <c:pt idx="158">
                  <c:v>15.736932500000057</c:v>
                </c:pt>
                <c:pt idx="159">
                  <c:v>15.751361100000057</c:v>
                </c:pt>
                <c:pt idx="160">
                  <c:v>15.765789700000058</c:v>
                </c:pt>
                <c:pt idx="161">
                  <c:v>15.780218300000058</c:v>
                </c:pt>
                <c:pt idx="162">
                  <c:v>15.794646900000059</c:v>
                </c:pt>
                <c:pt idx="163">
                  <c:v>15.809075500000059</c:v>
                </c:pt>
                <c:pt idx="164">
                  <c:v>15.82350410000006</c:v>
                </c:pt>
                <c:pt idx="165">
                  <c:v>15.83793270000006</c:v>
                </c:pt>
                <c:pt idx="166">
                  <c:v>15.85236130000006</c:v>
                </c:pt>
                <c:pt idx="167">
                  <c:v>15.866789900000061</c:v>
                </c:pt>
                <c:pt idx="168">
                  <c:v>15.881218500000061</c:v>
                </c:pt>
                <c:pt idx="169">
                  <c:v>15.895647100000062</c:v>
                </c:pt>
                <c:pt idx="170">
                  <c:v>15.910075700000062</c:v>
                </c:pt>
                <c:pt idx="171">
                  <c:v>15.924504300000063</c:v>
                </c:pt>
                <c:pt idx="172">
                  <c:v>15.938932900000063</c:v>
                </c:pt>
                <c:pt idx="173">
                  <c:v>15.953361500000064</c:v>
                </c:pt>
                <c:pt idx="174">
                  <c:v>15.967790100000064</c:v>
                </c:pt>
                <c:pt idx="175">
                  <c:v>15.982218700000065</c:v>
                </c:pt>
                <c:pt idx="176">
                  <c:v>15.996647300000065</c:v>
                </c:pt>
                <c:pt idx="177">
                  <c:v>16.011075900000066</c:v>
                </c:pt>
                <c:pt idx="178">
                  <c:v>16.025504500000064</c:v>
                </c:pt>
                <c:pt idx="179">
                  <c:v>16.039933100000063</c:v>
                </c:pt>
                <c:pt idx="180">
                  <c:v>16.139147400000063</c:v>
                </c:pt>
                <c:pt idx="181">
                  <c:v>16.281147400000062</c:v>
                </c:pt>
                <c:pt idx="182">
                  <c:v>16.423147400000062</c:v>
                </c:pt>
                <c:pt idx="183">
                  <c:v>16.552647400000062</c:v>
                </c:pt>
                <c:pt idx="184">
                  <c:v>16.627647400000061</c:v>
                </c:pt>
                <c:pt idx="185">
                  <c:v>16.757147400000061</c:v>
                </c:pt>
                <c:pt idx="186">
                  <c:v>16.899147400000061</c:v>
                </c:pt>
                <c:pt idx="187">
                  <c:v>17.04114740000006</c:v>
                </c:pt>
                <c:pt idx="188">
                  <c:v>17.14036170000006</c:v>
                </c:pt>
                <c:pt idx="189">
                  <c:v>17.154790300000059</c:v>
                </c:pt>
                <c:pt idx="190">
                  <c:v>17.169218900000057</c:v>
                </c:pt>
                <c:pt idx="191">
                  <c:v>17.183647500000056</c:v>
                </c:pt>
                <c:pt idx="192">
                  <c:v>17.198076100000055</c:v>
                </c:pt>
                <c:pt idx="193">
                  <c:v>17.212504700000054</c:v>
                </c:pt>
                <c:pt idx="194">
                  <c:v>17.226933300000052</c:v>
                </c:pt>
                <c:pt idx="195">
                  <c:v>17.241361900000051</c:v>
                </c:pt>
                <c:pt idx="196">
                  <c:v>17.25579050000005</c:v>
                </c:pt>
                <c:pt idx="197">
                  <c:v>17.270219100000048</c:v>
                </c:pt>
                <c:pt idx="198">
                  <c:v>17.284647700000047</c:v>
                </c:pt>
                <c:pt idx="199">
                  <c:v>17.299076300000046</c:v>
                </c:pt>
                <c:pt idx="200">
                  <c:v>17.313504900000044</c:v>
                </c:pt>
                <c:pt idx="201">
                  <c:v>17.327933500000043</c:v>
                </c:pt>
                <c:pt idx="202">
                  <c:v>17.342362100000042</c:v>
                </c:pt>
                <c:pt idx="203">
                  <c:v>17.35679070000004</c:v>
                </c:pt>
                <c:pt idx="204">
                  <c:v>17.371219300000039</c:v>
                </c:pt>
                <c:pt idx="205">
                  <c:v>17.385647900000038</c:v>
                </c:pt>
                <c:pt idx="206">
                  <c:v>17.400076500000036</c:v>
                </c:pt>
                <c:pt idx="207">
                  <c:v>17.414505100000035</c:v>
                </c:pt>
                <c:pt idx="208">
                  <c:v>17.428933700000034</c:v>
                </c:pt>
                <c:pt idx="209">
                  <c:v>17.443362300000032</c:v>
                </c:pt>
                <c:pt idx="210">
                  <c:v>17.457790900000031</c:v>
                </c:pt>
                <c:pt idx="211">
                  <c:v>17.47221950000003</c:v>
                </c:pt>
                <c:pt idx="212">
                  <c:v>17.486648100000028</c:v>
                </c:pt>
                <c:pt idx="213">
                  <c:v>17.501076700000027</c:v>
                </c:pt>
                <c:pt idx="214">
                  <c:v>17.515505300000026</c:v>
                </c:pt>
                <c:pt idx="215">
                  <c:v>17.529933900000024</c:v>
                </c:pt>
                <c:pt idx="216">
                  <c:v>17.544362500000023</c:v>
                </c:pt>
                <c:pt idx="217">
                  <c:v>17.558791100000022</c:v>
                </c:pt>
                <c:pt idx="218">
                  <c:v>17.573219700000021</c:v>
                </c:pt>
                <c:pt idx="219">
                  <c:v>17.587648300000019</c:v>
                </c:pt>
                <c:pt idx="220">
                  <c:v>17.602076900000018</c:v>
                </c:pt>
                <c:pt idx="221">
                  <c:v>17.616505500000017</c:v>
                </c:pt>
                <c:pt idx="222">
                  <c:v>17.630934100000015</c:v>
                </c:pt>
                <c:pt idx="223">
                  <c:v>17.645362700000014</c:v>
                </c:pt>
                <c:pt idx="224">
                  <c:v>17.659791300000013</c:v>
                </c:pt>
                <c:pt idx="225">
                  <c:v>17.674219900000011</c:v>
                </c:pt>
                <c:pt idx="226">
                  <c:v>17.68864850000001</c:v>
                </c:pt>
                <c:pt idx="227">
                  <c:v>17.703077100000009</c:v>
                </c:pt>
                <c:pt idx="228">
                  <c:v>17.717505700000007</c:v>
                </c:pt>
                <c:pt idx="229">
                  <c:v>17.731934300000006</c:v>
                </c:pt>
                <c:pt idx="230">
                  <c:v>17.746362900000005</c:v>
                </c:pt>
                <c:pt idx="231">
                  <c:v>17.760791500000003</c:v>
                </c:pt>
                <c:pt idx="232">
                  <c:v>17.775220100000002</c:v>
                </c:pt>
                <c:pt idx="233">
                  <c:v>17.789648700000001</c:v>
                </c:pt>
                <c:pt idx="234">
                  <c:v>17.804077299999999</c:v>
                </c:pt>
                <c:pt idx="235">
                  <c:v>17.818505899999998</c:v>
                </c:pt>
                <c:pt idx="236">
                  <c:v>17.832934499999997</c:v>
                </c:pt>
                <c:pt idx="237">
                  <c:v>17.847363099999995</c:v>
                </c:pt>
                <c:pt idx="238">
                  <c:v>17.861791699999994</c:v>
                </c:pt>
                <c:pt idx="239">
                  <c:v>17.876220299999993</c:v>
                </c:pt>
                <c:pt idx="240">
                  <c:v>17.890648899999992</c:v>
                </c:pt>
                <c:pt idx="241">
                  <c:v>17.989863199999991</c:v>
                </c:pt>
                <c:pt idx="242">
                  <c:v>18.131863199999991</c:v>
                </c:pt>
                <c:pt idx="243">
                  <c:v>18.27386319999999</c:v>
                </c:pt>
                <c:pt idx="244">
                  <c:v>18.37307749999999</c:v>
                </c:pt>
                <c:pt idx="245">
                  <c:v>18.387506099999989</c:v>
                </c:pt>
                <c:pt idx="246">
                  <c:v>18.401934699999988</c:v>
                </c:pt>
                <c:pt idx="247">
                  <c:v>18.416363299999986</c:v>
                </c:pt>
                <c:pt idx="248">
                  <c:v>18.430791899999985</c:v>
                </c:pt>
                <c:pt idx="249">
                  <c:v>18.445220499999984</c:v>
                </c:pt>
                <c:pt idx="250">
                  <c:v>18.459649099999982</c:v>
                </c:pt>
                <c:pt idx="251">
                  <c:v>18.474077699999981</c:v>
                </c:pt>
                <c:pt idx="252">
                  <c:v>18.48850629999998</c:v>
                </c:pt>
                <c:pt idx="253">
                  <c:v>18.502934899999978</c:v>
                </c:pt>
                <c:pt idx="254">
                  <c:v>18.517363499999977</c:v>
                </c:pt>
                <c:pt idx="255">
                  <c:v>18.531792099999976</c:v>
                </c:pt>
                <c:pt idx="256">
                  <c:v>18.546220699999974</c:v>
                </c:pt>
                <c:pt idx="257">
                  <c:v>18.560649299999973</c:v>
                </c:pt>
                <c:pt idx="258">
                  <c:v>18.575077899999972</c:v>
                </c:pt>
                <c:pt idx="259">
                  <c:v>18.58950649999997</c:v>
                </c:pt>
                <c:pt idx="260">
                  <c:v>18.603935099999969</c:v>
                </c:pt>
                <c:pt idx="261">
                  <c:v>18.618363699999968</c:v>
                </c:pt>
                <c:pt idx="262">
                  <c:v>18.632792299999966</c:v>
                </c:pt>
                <c:pt idx="263">
                  <c:v>18.647220899999965</c:v>
                </c:pt>
                <c:pt idx="264">
                  <c:v>18.661649499999964</c:v>
                </c:pt>
                <c:pt idx="265">
                  <c:v>18.676078099999962</c:v>
                </c:pt>
                <c:pt idx="266">
                  <c:v>18.690506699999961</c:v>
                </c:pt>
                <c:pt idx="267">
                  <c:v>18.70493529999996</c:v>
                </c:pt>
                <c:pt idx="268">
                  <c:v>18.719363899999959</c:v>
                </c:pt>
                <c:pt idx="269">
                  <c:v>18.733792499999957</c:v>
                </c:pt>
                <c:pt idx="270">
                  <c:v>18.748221099999956</c:v>
                </c:pt>
                <c:pt idx="271">
                  <c:v>18.762649699999955</c:v>
                </c:pt>
                <c:pt idx="272">
                  <c:v>18.777078299999953</c:v>
                </c:pt>
                <c:pt idx="273">
                  <c:v>18.791506899999952</c:v>
                </c:pt>
                <c:pt idx="274">
                  <c:v>18.805935499999951</c:v>
                </c:pt>
                <c:pt idx="275">
                  <c:v>18.820364099999949</c:v>
                </c:pt>
                <c:pt idx="276">
                  <c:v>18.834792699999948</c:v>
                </c:pt>
                <c:pt idx="277">
                  <c:v>18.849221299999947</c:v>
                </c:pt>
                <c:pt idx="278">
                  <c:v>18.863649899999945</c:v>
                </c:pt>
                <c:pt idx="279">
                  <c:v>18.878078499999944</c:v>
                </c:pt>
                <c:pt idx="280">
                  <c:v>18.892507099999943</c:v>
                </c:pt>
                <c:pt idx="281">
                  <c:v>18.906935699999941</c:v>
                </c:pt>
                <c:pt idx="282">
                  <c:v>18.92136429999994</c:v>
                </c:pt>
                <c:pt idx="283">
                  <c:v>18.935792899999939</c:v>
                </c:pt>
                <c:pt idx="284">
                  <c:v>18.950221499999937</c:v>
                </c:pt>
                <c:pt idx="285">
                  <c:v>18.964650099999936</c:v>
                </c:pt>
                <c:pt idx="286">
                  <c:v>18.979078699999935</c:v>
                </c:pt>
                <c:pt idx="287">
                  <c:v>18.993507299999933</c:v>
                </c:pt>
                <c:pt idx="288">
                  <c:v>19.007935899999932</c:v>
                </c:pt>
                <c:pt idx="289">
                  <c:v>19.022364499999931</c:v>
                </c:pt>
                <c:pt idx="290">
                  <c:v>19.03679309999993</c:v>
                </c:pt>
                <c:pt idx="291">
                  <c:v>19.051221699999928</c:v>
                </c:pt>
                <c:pt idx="292">
                  <c:v>19.065650299999927</c:v>
                </c:pt>
                <c:pt idx="293">
                  <c:v>19.080078899999926</c:v>
                </c:pt>
                <c:pt idx="294">
                  <c:v>19.094507499999924</c:v>
                </c:pt>
                <c:pt idx="295">
                  <c:v>19.108936099999923</c:v>
                </c:pt>
                <c:pt idx="296">
                  <c:v>19.123364699999922</c:v>
                </c:pt>
                <c:pt idx="297">
                  <c:v>19.222578999999921</c:v>
                </c:pt>
                <c:pt idx="298">
                  <c:v>19.364578999999921</c:v>
                </c:pt>
                <c:pt idx="299">
                  <c:v>19.50657899999992</c:v>
                </c:pt>
                <c:pt idx="300">
                  <c:v>19.673578999999922</c:v>
                </c:pt>
                <c:pt idx="301">
                  <c:v>19.840578999999924</c:v>
                </c:pt>
                <c:pt idx="302">
                  <c:v>19.982578999999923</c:v>
                </c:pt>
                <c:pt idx="303">
                  <c:v>20.124578999999923</c:v>
                </c:pt>
                <c:pt idx="304">
                  <c:v>20.223793299999922</c:v>
                </c:pt>
                <c:pt idx="305">
                  <c:v>20.238221899999921</c:v>
                </c:pt>
                <c:pt idx="306">
                  <c:v>20.25265049999992</c:v>
                </c:pt>
                <c:pt idx="307">
                  <c:v>20.267079099999918</c:v>
                </c:pt>
                <c:pt idx="308">
                  <c:v>20.281507699999917</c:v>
                </c:pt>
                <c:pt idx="309">
                  <c:v>20.295936299999916</c:v>
                </c:pt>
                <c:pt idx="310">
                  <c:v>20.310364899999914</c:v>
                </c:pt>
                <c:pt idx="311">
                  <c:v>20.324793499999913</c:v>
                </c:pt>
                <c:pt idx="312">
                  <c:v>20.339222099999912</c:v>
                </c:pt>
                <c:pt idx="313">
                  <c:v>20.353650699999911</c:v>
                </c:pt>
                <c:pt idx="314">
                  <c:v>20.368079299999909</c:v>
                </c:pt>
                <c:pt idx="315">
                  <c:v>20.382507899999908</c:v>
                </c:pt>
                <c:pt idx="316">
                  <c:v>20.396936499999907</c:v>
                </c:pt>
                <c:pt idx="317">
                  <c:v>20.411365099999905</c:v>
                </c:pt>
                <c:pt idx="318">
                  <c:v>20.425793699999904</c:v>
                </c:pt>
                <c:pt idx="319">
                  <c:v>20.440222299999903</c:v>
                </c:pt>
                <c:pt idx="320">
                  <c:v>20.454650899999901</c:v>
                </c:pt>
                <c:pt idx="321">
                  <c:v>20.4690794999999</c:v>
                </c:pt>
                <c:pt idx="322">
                  <c:v>20.483508099999899</c:v>
                </c:pt>
                <c:pt idx="323">
                  <c:v>20.497936699999897</c:v>
                </c:pt>
                <c:pt idx="324">
                  <c:v>20.512365299999896</c:v>
                </c:pt>
                <c:pt idx="325">
                  <c:v>20.526793899999895</c:v>
                </c:pt>
                <c:pt idx="326">
                  <c:v>20.541222499999893</c:v>
                </c:pt>
                <c:pt idx="327">
                  <c:v>20.555651099999892</c:v>
                </c:pt>
                <c:pt idx="328">
                  <c:v>20.570079699999891</c:v>
                </c:pt>
                <c:pt idx="329">
                  <c:v>20.584508299999889</c:v>
                </c:pt>
                <c:pt idx="330">
                  <c:v>20.598936899999888</c:v>
                </c:pt>
                <c:pt idx="331">
                  <c:v>20.613365499999887</c:v>
                </c:pt>
                <c:pt idx="332">
                  <c:v>20.627794099999885</c:v>
                </c:pt>
                <c:pt idx="333">
                  <c:v>20.642222699999884</c:v>
                </c:pt>
                <c:pt idx="334">
                  <c:v>20.656651299999883</c:v>
                </c:pt>
                <c:pt idx="335">
                  <c:v>20.671079899999881</c:v>
                </c:pt>
                <c:pt idx="336">
                  <c:v>20.68550849999988</c:v>
                </c:pt>
                <c:pt idx="337">
                  <c:v>20.699937099999879</c:v>
                </c:pt>
                <c:pt idx="338">
                  <c:v>20.714365699999878</c:v>
                </c:pt>
                <c:pt idx="339">
                  <c:v>20.728794299999876</c:v>
                </c:pt>
                <c:pt idx="340">
                  <c:v>20.743222899999875</c:v>
                </c:pt>
                <c:pt idx="341">
                  <c:v>20.757651499999874</c:v>
                </c:pt>
                <c:pt idx="342">
                  <c:v>20.772080099999872</c:v>
                </c:pt>
                <c:pt idx="343">
                  <c:v>20.786508699999871</c:v>
                </c:pt>
                <c:pt idx="344">
                  <c:v>20.80093729999987</c:v>
                </c:pt>
                <c:pt idx="345">
                  <c:v>20.815365899999868</c:v>
                </c:pt>
                <c:pt idx="346">
                  <c:v>20.829794499999867</c:v>
                </c:pt>
                <c:pt idx="347">
                  <c:v>20.844223099999866</c:v>
                </c:pt>
                <c:pt idx="348">
                  <c:v>20.858651699999864</c:v>
                </c:pt>
                <c:pt idx="349">
                  <c:v>20.873080299999863</c:v>
                </c:pt>
                <c:pt idx="350">
                  <c:v>20.887508899999862</c:v>
                </c:pt>
                <c:pt idx="351">
                  <c:v>20.90193749999986</c:v>
                </c:pt>
                <c:pt idx="352">
                  <c:v>20.916366099999859</c:v>
                </c:pt>
                <c:pt idx="353">
                  <c:v>20.930794699999858</c:v>
                </c:pt>
                <c:pt idx="354">
                  <c:v>20.945223299999856</c:v>
                </c:pt>
                <c:pt idx="355">
                  <c:v>20.959651899999855</c:v>
                </c:pt>
                <c:pt idx="356">
                  <c:v>20.974080499999854</c:v>
                </c:pt>
                <c:pt idx="357">
                  <c:v>21.463794799999853</c:v>
                </c:pt>
                <c:pt idx="358">
                  <c:v>21.996294799999852</c:v>
                </c:pt>
                <c:pt idx="359">
                  <c:v>22.421294799999853</c:v>
                </c:pt>
                <c:pt idx="360">
                  <c:v>22.846294799999853</c:v>
                </c:pt>
                <c:pt idx="361">
                  <c:v>23.271294799999854</c:v>
                </c:pt>
                <c:pt idx="362">
                  <c:v>23.696294799999855</c:v>
                </c:pt>
                <c:pt idx="363">
                  <c:v>24.121294799999855</c:v>
                </c:pt>
                <c:pt idx="364">
                  <c:v>24.546294799999856</c:v>
                </c:pt>
                <c:pt idx="365">
                  <c:v>24.746294799999855</c:v>
                </c:pt>
                <c:pt idx="366">
                  <c:v>24.906499149999856</c:v>
                </c:pt>
                <c:pt idx="367">
                  <c:v>24.926907849999857</c:v>
                </c:pt>
                <c:pt idx="368">
                  <c:v>24.947316549999858</c:v>
                </c:pt>
                <c:pt idx="369">
                  <c:v>24.967725249999859</c:v>
                </c:pt>
                <c:pt idx="370">
                  <c:v>24.98813394999986</c:v>
                </c:pt>
                <c:pt idx="371">
                  <c:v>25.00854264999986</c:v>
                </c:pt>
                <c:pt idx="372">
                  <c:v>25.028951349999861</c:v>
                </c:pt>
                <c:pt idx="373">
                  <c:v>25.049360049999862</c:v>
                </c:pt>
                <c:pt idx="374">
                  <c:v>25.069768749999863</c:v>
                </c:pt>
                <c:pt idx="375">
                  <c:v>25.090177449999864</c:v>
                </c:pt>
                <c:pt idx="376">
                  <c:v>25.110586149999865</c:v>
                </c:pt>
                <c:pt idx="377">
                  <c:v>25.130994849999865</c:v>
                </c:pt>
                <c:pt idx="378">
                  <c:v>25.151403549999866</c:v>
                </c:pt>
                <c:pt idx="379">
                  <c:v>25.171812249999867</c:v>
                </c:pt>
                <c:pt idx="380">
                  <c:v>25.192220949999868</c:v>
                </c:pt>
                <c:pt idx="381">
                  <c:v>25.212629649999869</c:v>
                </c:pt>
                <c:pt idx="382">
                  <c:v>25.23303834999987</c:v>
                </c:pt>
                <c:pt idx="383">
                  <c:v>25.25344704999987</c:v>
                </c:pt>
                <c:pt idx="384">
                  <c:v>25.558151399999872</c:v>
                </c:pt>
                <c:pt idx="385">
                  <c:v>25.860906349999873</c:v>
                </c:pt>
                <c:pt idx="386">
                  <c:v>25.877416249999872</c:v>
                </c:pt>
                <c:pt idx="387">
                  <c:v>25.893926149999871</c:v>
                </c:pt>
                <c:pt idx="388">
                  <c:v>25.91043604999987</c:v>
                </c:pt>
                <c:pt idx="389">
                  <c:v>25.926945949999869</c:v>
                </c:pt>
                <c:pt idx="390">
                  <c:v>25.943455849999868</c:v>
                </c:pt>
                <c:pt idx="391">
                  <c:v>25.959965749999867</c:v>
                </c:pt>
                <c:pt idx="392">
                  <c:v>25.976475649999866</c:v>
                </c:pt>
                <c:pt idx="393">
                  <c:v>25.992985549999865</c:v>
                </c:pt>
                <c:pt idx="394">
                  <c:v>26.009495449999864</c:v>
                </c:pt>
                <c:pt idx="395">
                  <c:v>26.026005349999863</c:v>
                </c:pt>
                <c:pt idx="396">
                  <c:v>26.042515249999862</c:v>
                </c:pt>
                <c:pt idx="397">
                  <c:v>26.059025149999862</c:v>
                </c:pt>
                <c:pt idx="398">
                  <c:v>26.075535049999861</c:v>
                </c:pt>
                <c:pt idx="399">
                  <c:v>26.09204494999986</c:v>
                </c:pt>
                <c:pt idx="400">
                  <c:v>26.108554849999859</c:v>
                </c:pt>
                <c:pt idx="401">
                  <c:v>26.125064749999858</c:v>
                </c:pt>
                <c:pt idx="402">
                  <c:v>26.141574649999857</c:v>
                </c:pt>
                <c:pt idx="403">
                  <c:v>26.199829599999855</c:v>
                </c:pt>
                <c:pt idx="404">
                  <c:v>26.258084549999854</c:v>
                </c:pt>
                <c:pt idx="405">
                  <c:v>26.274594449999853</c:v>
                </c:pt>
                <c:pt idx="406">
                  <c:v>26.291104349999852</c:v>
                </c:pt>
                <c:pt idx="407">
                  <c:v>26.307614249999851</c:v>
                </c:pt>
                <c:pt idx="408">
                  <c:v>26.32412414999985</c:v>
                </c:pt>
                <c:pt idx="409">
                  <c:v>26.340634049999849</c:v>
                </c:pt>
                <c:pt idx="410">
                  <c:v>26.357143949999848</c:v>
                </c:pt>
                <c:pt idx="411">
                  <c:v>26.373653849999847</c:v>
                </c:pt>
                <c:pt idx="412">
                  <c:v>26.390163749999846</c:v>
                </c:pt>
                <c:pt idx="413">
                  <c:v>26.406673649999846</c:v>
                </c:pt>
                <c:pt idx="414">
                  <c:v>26.423183549999845</c:v>
                </c:pt>
                <c:pt idx="415">
                  <c:v>26.439693449999844</c:v>
                </c:pt>
                <c:pt idx="416">
                  <c:v>26.456203349999843</c:v>
                </c:pt>
                <c:pt idx="417">
                  <c:v>26.472713249999842</c:v>
                </c:pt>
                <c:pt idx="418">
                  <c:v>26.489223149999841</c:v>
                </c:pt>
                <c:pt idx="419">
                  <c:v>26.50573304999984</c:v>
                </c:pt>
                <c:pt idx="420">
                  <c:v>26.522242949999839</c:v>
                </c:pt>
                <c:pt idx="421">
                  <c:v>26.538752849999838</c:v>
                </c:pt>
                <c:pt idx="422">
                  <c:v>26.841507799999839</c:v>
                </c:pt>
                <c:pt idx="423">
                  <c:v>27.14621214999984</c:v>
                </c:pt>
                <c:pt idx="424">
                  <c:v>27.166620849999841</c:v>
                </c:pt>
                <c:pt idx="425">
                  <c:v>27.187029549999842</c:v>
                </c:pt>
                <c:pt idx="426">
                  <c:v>27.207438249999843</c:v>
                </c:pt>
                <c:pt idx="427">
                  <c:v>27.227846949999844</c:v>
                </c:pt>
                <c:pt idx="428">
                  <c:v>27.248255649999845</c:v>
                </c:pt>
                <c:pt idx="429">
                  <c:v>27.268664349999845</c:v>
                </c:pt>
                <c:pt idx="430">
                  <c:v>27.289073049999846</c:v>
                </c:pt>
                <c:pt idx="431">
                  <c:v>27.309481749999847</c:v>
                </c:pt>
                <c:pt idx="432">
                  <c:v>27.329890449999848</c:v>
                </c:pt>
                <c:pt idx="433">
                  <c:v>27.350299149999849</c:v>
                </c:pt>
                <c:pt idx="434">
                  <c:v>27.37070784999985</c:v>
                </c:pt>
                <c:pt idx="435">
                  <c:v>27.39111654999985</c:v>
                </c:pt>
                <c:pt idx="436">
                  <c:v>27.411525249999851</c:v>
                </c:pt>
                <c:pt idx="437">
                  <c:v>27.431933949999852</c:v>
                </c:pt>
                <c:pt idx="438">
                  <c:v>27.452342649999853</c:v>
                </c:pt>
                <c:pt idx="439">
                  <c:v>27.472751349999854</c:v>
                </c:pt>
                <c:pt idx="440">
                  <c:v>27.493160049999855</c:v>
                </c:pt>
                <c:pt idx="441">
                  <c:v>27.803364399999854</c:v>
                </c:pt>
                <c:pt idx="442">
                  <c:v>28.177662399999853</c:v>
                </c:pt>
                <c:pt idx="443">
                  <c:v>28.301960399999853</c:v>
                </c:pt>
                <c:pt idx="444">
                  <c:v>28.427672899999852</c:v>
                </c:pt>
                <c:pt idx="445">
                  <c:v>28.579097899999852</c:v>
                </c:pt>
                <c:pt idx="446">
                  <c:v>28.70481039999985</c:v>
                </c:pt>
                <c:pt idx="447">
                  <c:v>28.82910839999985</c:v>
                </c:pt>
                <c:pt idx="448">
                  <c:v>29.00340639999985</c:v>
                </c:pt>
                <c:pt idx="449">
                  <c:v>29.12840639999985</c:v>
                </c:pt>
                <c:pt idx="450">
                  <c:v>29.228406399999852</c:v>
                </c:pt>
                <c:pt idx="451">
                  <c:v>29.328406399999853</c:v>
                </c:pt>
                <c:pt idx="452">
                  <c:v>29.453406399999853</c:v>
                </c:pt>
                <c:pt idx="453">
                  <c:v>29.555406399999853</c:v>
                </c:pt>
                <c:pt idx="454">
                  <c:v>29.689406399999854</c:v>
                </c:pt>
                <c:pt idx="455">
                  <c:v>30.081406399999853</c:v>
                </c:pt>
              </c:numCache>
            </c:numRef>
          </c:xVal>
          <c:yVal>
            <c:numRef>
              <c:f>'Flux ext'!$P$2:$P$457</c:f>
              <c:numCache>
                <c:formatCode>0.00E+00</c:formatCode>
                <c:ptCount val="456"/>
                <c:pt idx="0">
                  <c:v>0</c:v>
                </c:pt>
                <c:pt idx="1">
                  <c:v>0</c:v>
                </c:pt>
                <c:pt idx="2">
                  <c:v>1.7877963360597071E-8</c:v>
                </c:pt>
                <c:pt idx="3">
                  <c:v>2.2815505574789963E-6</c:v>
                </c:pt>
                <c:pt idx="4">
                  <c:v>8.6050396063634971E-6</c:v>
                </c:pt>
                <c:pt idx="5">
                  <c:v>5.0801582224924924E-6</c:v>
                </c:pt>
                <c:pt idx="6">
                  <c:v>1.2400112131655755E-3</c:v>
                </c:pt>
                <c:pt idx="7">
                  <c:v>7.6047765064267128E-3</c:v>
                </c:pt>
                <c:pt idx="8">
                  <c:v>8.7054786964100538E-3</c:v>
                </c:pt>
                <c:pt idx="9">
                  <c:v>1.0117318708174733E-2</c:v>
                </c:pt>
                <c:pt idx="10">
                  <c:v>1.6095084331819897E-2</c:v>
                </c:pt>
                <c:pt idx="11">
                  <c:v>2.1051877442824961E-2</c:v>
                </c:pt>
                <c:pt idx="12">
                  <c:v>2.8825931557119315E-2</c:v>
                </c:pt>
                <c:pt idx="13">
                  <c:v>3.6559189002013964E-2</c:v>
                </c:pt>
                <c:pt idx="14">
                  <c:v>4.4337820303606827E-2</c:v>
                </c:pt>
                <c:pt idx="15">
                  <c:v>5.1692962276016337E-2</c:v>
                </c:pt>
                <c:pt idx="16">
                  <c:v>5.9605327049982886E-2</c:v>
                </c:pt>
                <c:pt idx="17">
                  <c:v>6.7881677718252223E-2</c:v>
                </c:pt>
                <c:pt idx="18">
                  <c:v>7.7082819228962846E-2</c:v>
                </c:pt>
                <c:pt idx="19">
                  <c:v>8.5815495570078726E-2</c:v>
                </c:pt>
                <c:pt idx="20">
                  <c:v>9.7530109932098416E-2</c:v>
                </c:pt>
                <c:pt idx="21">
                  <c:v>0.10640328602246403</c:v>
                </c:pt>
                <c:pt idx="22">
                  <c:v>0.11446590194470758</c:v>
                </c:pt>
                <c:pt idx="23">
                  <c:v>0.12548816697579263</c:v>
                </c:pt>
                <c:pt idx="24">
                  <c:v>0.13798189821927512</c:v>
                </c:pt>
                <c:pt idx="25">
                  <c:v>0.14863002794074334</c:v>
                </c:pt>
                <c:pt idx="26">
                  <c:v>0.16173073402163618</c:v>
                </c:pt>
                <c:pt idx="27">
                  <c:v>0.17493472532896046</c:v>
                </c:pt>
                <c:pt idx="28">
                  <c:v>0.19101955852033464</c:v>
                </c:pt>
                <c:pt idx="29">
                  <c:v>0.20741225730956911</c:v>
                </c:pt>
                <c:pt idx="30">
                  <c:v>0.22376674653526823</c:v>
                </c:pt>
                <c:pt idx="31">
                  <c:v>0.24162175716230308</c:v>
                </c:pt>
                <c:pt idx="32">
                  <c:v>0.26160018467955709</c:v>
                </c:pt>
                <c:pt idx="33">
                  <c:v>0.28366222745834757</c:v>
                </c:pt>
                <c:pt idx="34">
                  <c:v>0.30654617386943478</c:v>
                </c:pt>
                <c:pt idx="35">
                  <c:v>0.33278539757846892</c:v>
                </c:pt>
                <c:pt idx="36">
                  <c:v>0.36037588658127895</c:v>
                </c:pt>
                <c:pt idx="37">
                  <c:v>0.39211768545568881</c:v>
                </c:pt>
                <c:pt idx="38">
                  <c:v>0.4269898824259889</c:v>
                </c:pt>
                <c:pt idx="39">
                  <c:v>0.46508999148245145</c:v>
                </c:pt>
                <c:pt idx="40">
                  <c:v>0.50531948767343571</c:v>
                </c:pt>
                <c:pt idx="41">
                  <c:v>0.55017194303590899</c:v>
                </c:pt>
                <c:pt idx="42">
                  <c:v>0.59780653224329949</c:v>
                </c:pt>
                <c:pt idx="43">
                  <c:v>0.66002642828144531</c:v>
                </c:pt>
                <c:pt idx="44">
                  <c:v>0.72248314401025293</c:v>
                </c:pt>
                <c:pt idx="45">
                  <c:v>0.79537783686108432</c:v>
                </c:pt>
                <c:pt idx="46">
                  <c:v>0.86686355205655019</c:v>
                </c:pt>
                <c:pt idx="47">
                  <c:v>0.95698438980123079</c:v>
                </c:pt>
                <c:pt idx="48">
                  <c:v>1.0547113187871648</c:v>
                </c:pt>
                <c:pt idx="49">
                  <c:v>1.164508091671111</c:v>
                </c:pt>
                <c:pt idx="50">
                  <c:v>1.2878732397729715</c:v>
                </c:pt>
                <c:pt idx="51">
                  <c:v>1.4209300844590562</c:v>
                </c:pt>
                <c:pt idx="52">
                  <c:v>1.5575631054822763</c:v>
                </c:pt>
                <c:pt idx="53">
                  <c:v>1.7186184058651681</c:v>
                </c:pt>
                <c:pt idx="54">
                  <c:v>1.8913813553250598</c:v>
                </c:pt>
                <c:pt idx="55">
                  <c:v>2.0844510957388378</c:v>
                </c:pt>
                <c:pt idx="56">
                  <c:v>2.2916583746606913</c:v>
                </c:pt>
                <c:pt idx="57">
                  <c:v>2.5112837617315305</c:v>
                </c:pt>
                <c:pt idx="58">
                  <c:v>2.7606210646139639</c:v>
                </c:pt>
                <c:pt idx="59">
                  <c:v>3.0192122461651132</c:v>
                </c:pt>
                <c:pt idx="60">
                  <c:v>3.2864801827690791</c:v>
                </c:pt>
                <c:pt idx="61">
                  <c:v>3.7069246873582071</c:v>
                </c:pt>
                <c:pt idx="62">
                  <c:v>4.2479880276700932</c:v>
                </c:pt>
                <c:pt idx="63">
                  <c:v>4.5673363954052997</c:v>
                </c:pt>
                <c:pt idx="64">
                  <c:v>3.7798573891679372</c:v>
                </c:pt>
                <c:pt idx="65">
                  <c:v>1.7540724507562611</c:v>
                </c:pt>
                <c:pt idx="66">
                  <c:v>0.94188780075639222</c:v>
                </c:pt>
                <c:pt idx="67">
                  <c:v>0.37415811555569156</c:v>
                </c:pt>
                <c:pt idx="68">
                  <c:v>0.26929096787670737</c:v>
                </c:pt>
                <c:pt idx="69">
                  <c:v>0.2078916193136999</c:v>
                </c:pt>
                <c:pt idx="70">
                  <c:v>0.18487807615680329</c:v>
                </c:pt>
                <c:pt idx="71">
                  <c:v>0.18461109828614186</c:v>
                </c:pt>
                <c:pt idx="72">
                  <c:v>8.8423497289509101E-2</c:v>
                </c:pt>
                <c:pt idx="73">
                  <c:v>0.13190020935656688</c:v>
                </c:pt>
                <c:pt idx="74">
                  <c:v>0.2545791773799384</c:v>
                </c:pt>
                <c:pt idx="75">
                  <c:v>0.20747992007832963</c:v>
                </c:pt>
                <c:pt idx="76">
                  <c:v>0.10089294953949515</c:v>
                </c:pt>
                <c:pt idx="77">
                  <c:v>0.18824976318030934</c:v>
                </c:pt>
                <c:pt idx="78">
                  <c:v>0.28281047260453901</c:v>
                </c:pt>
                <c:pt idx="79">
                  <c:v>0.1595780629343353</c:v>
                </c:pt>
                <c:pt idx="80">
                  <c:v>0.14338457129665746</c:v>
                </c:pt>
                <c:pt idx="81">
                  <c:v>0.29180763076825106</c:v>
                </c:pt>
                <c:pt idx="82">
                  <c:v>0.21565517460974504</c:v>
                </c:pt>
                <c:pt idx="83">
                  <c:v>0.13966749719398519</c:v>
                </c:pt>
                <c:pt idx="84">
                  <c:v>0.29238077422128111</c:v>
                </c:pt>
                <c:pt idx="85">
                  <c:v>0.23852917061366155</c:v>
                </c:pt>
                <c:pt idx="86">
                  <c:v>0.15359468409447316</c:v>
                </c:pt>
                <c:pt idx="87">
                  <c:v>0.30953328610206737</c:v>
                </c:pt>
                <c:pt idx="88">
                  <c:v>0.23131313533349784</c:v>
                </c:pt>
                <c:pt idx="89">
                  <c:v>0.18306520302810791</c:v>
                </c:pt>
                <c:pt idx="90">
                  <c:v>0.32991769023188428</c:v>
                </c:pt>
                <c:pt idx="91">
                  <c:v>0.20098031411445358</c:v>
                </c:pt>
                <c:pt idx="92">
                  <c:v>0.24263868877514466</c:v>
                </c:pt>
                <c:pt idx="93">
                  <c:v>0.32181208855066346</c:v>
                </c:pt>
                <c:pt idx="94">
                  <c:v>0.18263634047905242</c:v>
                </c:pt>
                <c:pt idx="95">
                  <c:v>0.32166482252453771</c:v>
                </c:pt>
                <c:pt idx="96">
                  <c:v>0.25688369168066361</c:v>
                </c:pt>
                <c:pt idx="97">
                  <c:v>0.236069429961074</c:v>
                </c:pt>
                <c:pt idx="98">
                  <c:v>0.34144026173551023</c:v>
                </c:pt>
                <c:pt idx="99">
                  <c:v>0.20423409725925987</c:v>
                </c:pt>
                <c:pt idx="100">
                  <c:v>0.33827802233667403</c:v>
                </c:pt>
                <c:pt idx="101">
                  <c:v>0.25592049226654351</c:v>
                </c:pt>
                <c:pt idx="102">
                  <c:v>0.28024923779881067</c:v>
                </c:pt>
                <c:pt idx="103">
                  <c:v>0.32511960389419142</c:v>
                </c:pt>
                <c:pt idx="104">
                  <c:v>0.23619480509142438</c:v>
                </c:pt>
                <c:pt idx="105">
                  <c:v>0.35934104423553009</c:v>
                </c:pt>
                <c:pt idx="106">
                  <c:v>0.23507637932544201</c:v>
                </c:pt>
                <c:pt idx="107">
                  <c:v>0.35404145737643589</c:v>
                </c:pt>
                <c:pt idx="108">
                  <c:v>0.26579925650557623</c:v>
                </c:pt>
                <c:pt idx="109">
                  <c:v>0.32630768251036835</c:v>
                </c:pt>
                <c:pt idx="110">
                  <c:v>0.30473320968294026</c:v>
                </c:pt>
                <c:pt idx="111">
                  <c:v>0.29980775813346283</c:v>
                </c:pt>
                <c:pt idx="112">
                  <c:v>0.33714765608208686</c:v>
                </c:pt>
                <c:pt idx="113">
                  <c:v>0.28156070146390394</c:v>
                </c:pt>
                <c:pt idx="114">
                  <c:v>0.35934303431696429</c:v>
                </c:pt>
                <c:pt idx="115">
                  <c:v>0.27627703525628272</c:v>
                </c:pt>
                <c:pt idx="116">
                  <c:v>0.37127158243315317</c:v>
                </c:pt>
                <c:pt idx="117">
                  <c:v>0.27781337812343282</c:v>
                </c:pt>
                <c:pt idx="118">
                  <c:v>0.37536318986172912</c:v>
                </c:pt>
                <c:pt idx="119">
                  <c:v>0.28247016867930236</c:v>
                </c:pt>
                <c:pt idx="120">
                  <c:v>0.37776720823416099</c:v>
                </c:pt>
                <c:pt idx="121">
                  <c:v>0.28995685503450802</c:v>
                </c:pt>
                <c:pt idx="122">
                  <c:v>0.38266280856212642</c:v>
                </c:pt>
                <c:pt idx="123">
                  <c:v>2.2239160026428282</c:v>
                </c:pt>
                <c:pt idx="124">
                  <c:v>2.3219936832193753</c:v>
                </c:pt>
                <c:pt idx="125">
                  <c:v>0.60666966895471619</c:v>
                </c:pt>
                <c:pt idx="126">
                  <c:v>0.48114475280061603</c:v>
                </c:pt>
                <c:pt idx="127">
                  <c:v>0.41185133295654464</c:v>
                </c:pt>
                <c:pt idx="128">
                  <c:v>0.41486232616638674</c:v>
                </c:pt>
                <c:pt idx="129">
                  <c:v>0.41865940154271114</c:v>
                </c:pt>
                <c:pt idx="130">
                  <c:v>0.42053007809079546</c:v>
                </c:pt>
                <c:pt idx="131">
                  <c:v>0.42329032103993697</c:v>
                </c:pt>
                <c:pt idx="132">
                  <c:v>0.42664758841931816</c:v>
                </c:pt>
                <c:pt idx="133">
                  <c:v>0.42953718666167823</c:v>
                </c:pt>
                <c:pt idx="134">
                  <c:v>0.43169841509914592</c:v>
                </c:pt>
                <c:pt idx="135">
                  <c:v>0.43389148483955964</c:v>
                </c:pt>
                <c:pt idx="136">
                  <c:v>0.43726666295184807</c:v>
                </c:pt>
                <c:pt idx="137">
                  <c:v>0.4402995470574656</c:v>
                </c:pt>
                <c:pt idx="138">
                  <c:v>0.44160703055969047</c:v>
                </c:pt>
                <c:pt idx="139">
                  <c:v>0.44481305175007763</c:v>
                </c:pt>
                <c:pt idx="140">
                  <c:v>0.44679716293990757</c:v>
                </c:pt>
                <c:pt idx="141">
                  <c:v>0.44941611010722565</c:v>
                </c:pt>
                <c:pt idx="142">
                  <c:v>0.45089673069422004</c:v>
                </c:pt>
                <c:pt idx="143">
                  <c:v>0.45421419644491851</c:v>
                </c:pt>
                <c:pt idx="144">
                  <c:v>0.45585800370951179</c:v>
                </c:pt>
                <c:pt idx="145">
                  <c:v>0.45844709965531794</c:v>
                </c:pt>
                <c:pt idx="146">
                  <c:v>0.46009289700134526</c:v>
                </c:pt>
                <c:pt idx="147">
                  <c:v>0.46208297843547752</c:v>
                </c:pt>
                <c:pt idx="148">
                  <c:v>0.46403126815949303</c:v>
                </c:pt>
                <c:pt idx="149">
                  <c:v>0.46641140555471533</c:v>
                </c:pt>
                <c:pt idx="150">
                  <c:v>0.46862636619090459</c:v>
                </c:pt>
                <c:pt idx="151">
                  <c:v>0.47073784259251894</c:v>
                </c:pt>
                <c:pt idx="152">
                  <c:v>0.47146820247884541</c:v>
                </c:pt>
                <c:pt idx="153">
                  <c:v>0.47444337422287325</c:v>
                </c:pt>
                <c:pt idx="154">
                  <c:v>0.47588817334405326</c:v>
                </c:pt>
                <c:pt idx="155">
                  <c:v>0.47702849000581105</c:v>
                </c:pt>
                <c:pt idx="156">
                  <c:v>0.47941459764533567</c:v>
                </c:pt>
                <c:pt idx="157">
                  <c:v>0.4802763029063149</c:v>
                </c:pt>
                <c:pt idx="158">
                  <c:v>0.48163950868869554</c:v>
                </c:pt>
                <c:pt idx="159">
                  <c:v>0.48468632336435213</c:v>
                </c:pt>
                <c:pt idx="160">
                  <c:v>0.48595798540076257</c:v>
                </c:pt>
                <c:pt idx="161">
                  <c:v>0.48762766372399963</c:v>
                </c:pt>
                <c:pt idx="162">
                  <c:v>0.48906450251944317</c:v>
                </c:pt>
                <c:pt idx="163">
                  <c:v>0.49041576781321894</c:v>
                </c:pt>
                <c:pt idx="164">
                  <c:v>0.49233420631572239</c:v>
                </c:pt>
                <c:pt idx="165">
                  <c:v>0.49384666820566292</c:v>
                </c:pt>
                <c:pt idx="166">
                  <c:v>0.49588451159421443</c:v>
                </c:pt>
                <c:pt idx="167">
                  <c:v>0.49699497703446033</c:v>
                </c:pt>
                <c:pt idx="168">
                  <c:v>0.49802782929877487</c:v>
                </c:pt>
                <c:pt idx="169">
                  <c:v>0.50033831384380256</c:v>
                </c:pt>
                <c:pt idx="170">
                  <c:v>0.50147067017982383</c:v>
                </c:pt>
                <c:pt idx="171">
                  <c:v>0.5025731752943331</c:v>
                </c:pt>
                <c:pt idx="172">
                  <c:v>0.50376324399194417</c:v>
                </c:pt>
                <c:pt idx="173">
                  <c:v>0.50495928293385772</c:v>
                </c:pt>
                <c:pt idx="174">
                  <c:v>0.50708269982407683</c:v>
                </c:pt>
                <c:pt idx="175">
                  <c:v>0.50884591197471807</c:v>
                </c:pt>
                <c:pt idx="176">
                  <c:v>0.51846397554587931</c:v>
                </c:pt>
                <c:pt idx="177">
                  <c:v>0.61968548753014974</c:v>
                </c:pt>
                <c:pt idx="178">
                  <c:v>1.12814731378808</c:v>
                </c:pt>
                <c:pt idx="179">
                  <c:v>2.0446295662418508</c:v>
                </c:pt>
                <c:pt idx="180">
                  <c:v>1.0544565105555088</c:v>
                </c:pt>
                <c:pt idx="181">
                  <c:v>0.60113933963048904</c:v>
                </c:pt>
                <c:pt idx="182">
                  <c:v>0.47863175912675027</c:v>
                </c:pt>
                <c:pt idx="183">
                  <c:v>0.38337151533463115</c:v>
                </c:pt>
                <c:pt idx="184">
                  <c:v>0.36762306524341504</c:v>
                </c:pt>
                <c:pt idx="185">
                  <c:v>0.26845694081993432</c:v>
                </c:pt>
                <c:pt idx="186">
                  <c:v>0.20905534058280725</c:v>
                </c:pt>
                <c:pt idx="187">
                  <c:v>0.18439480814259832</c:v>
                </c:pt>
                <c:pt idx="188">
                  <c:v>0.17578687819905592</c:v>
                </c:pt>
                <c:pt idx="189">
                  <c:v>0.10226650374533326</c:v>
                </c:pt>
                <c:pt idx="190">
                  <c:v>0.1443161284159748</c:v>
                </c:pt>
                <c:pt idx="191">
                  <c:v>0.23771323722566728</c:v>
                </c:pt>
                <c:pt idx="192">
                  <c:v>0.19752294563893552</c:v>
                </c:pt>
                <c:pt idx="193">
                  <c:v>0.12100272243140188</c:v>
                </c:pt>
                <c:pt idx="194">
                  <c:v>0.19304745150171548</c:v>
                </c:pt>
                <c:pt idx="195">
                  <c:v>0.2586886955414216</c:v>
                </c:pt>
                <c:pt idx="196">
                  <c:v>0.16801163003590108</c:v>
                </c:pt>
                <c:pt idx="197">
                  <c:v>0.16307901419326079</c:v>
                </c:pt>
                <c:pt idx="198">
                  <c:v>0.26922617673515198</c:v>
                </c:pt>
                <c:pt idx="199">
                  <c:v>0.21217054201857941</c:v>
                </c:pt>
                <c:pt idx="200">
                  <c:v>0.16481118107352954</c:v>
                </c:pt>
                <c:pt idx="201">
                  <c:v>0.27243617808840737</c:v>
                </c:pt>
                <c:pt idx="202">
                  <c:v>0.23225245377040829</c:v>
                </c:pt>
                <c:pt idx="203">
                  <c:v>0.17969440309497464</c:v>
                </c:pt>
                <c:pt idx="204">
                  <c:v>0.28630704568430937</c:v>
                </c:pt>
                <c:pt idx="205">
                  <c:v>0.23105840490992893</c:v>
                </c:pt>
                <c:pt idx="206">
                  <c:v>0.20623213901912865</c:v>
                </c:pt>
                <c:pt idx="207">
                  <c:v>0.30068737412734925</c:v>
                </c:pt>
                <c:pt idx="208">
                  <c:v>0.21675568964282019</c:v>
                </c:pt>
                <c:pt idx="209">
                  <c:v>0.24990049592829339</c:v>
                </c:pt>
                <c:pt idx="210">
                  <c:v>0.29625745285497085</c:v>
                </c:pt>
                <c:pt idx="211">
                  <c:v>0.21215860152997462</c:v>
                </c:pt>
                <c:pt idx="212">
                  <c:v>0.30184958168488252</c:v>
                </c:pt>
                <c:pt idx="213">
                  <c:v>0.25886780287049349</c:v>
                </c:pt>
                <c:pt idx="214">
                  <c:v>0.25215525819316525</c:v>
                </c:pt>
                <c:pt idx="215">
                  <c:v>0.31318906569656829</c:v>
                </c:pt>
                <c:pt idx="216">
                  <c:v>0.23376491566034882</c:v>
                </c:pt>
                <c:pt idx="217">
                  <c:v>0.31496819849868263</c:v>
                </c:pt>
                <c:pt idx="218">
                  <c:v>0.26585895894860018</c:v>
                </c:pt>
                <c:pt idx="219">
                  <c:v>0.28511100674239592</c:v>
                </c:pt>
                <c:pt idx="220">
                  <c:v>0.30812828860956992</c:v>
                </c:pt>
                <c:pt idx="221">
                  <c:v>0.26226487187855724</c:v>
                </c:pt>
                <c:pt idx="222">
                  <c:v>0.33098238379914502</c:v>
                </c:pt>
                <c:pt idx="223">
                  <c:v>0.26311264656949762</c:v>
                </c:pt>
                <c:pt idx="224">
                  <c:v>0.33067790133972286</c:v>
                </c:pt>
                <c:pt idx="225">
                  <c:v>0.28137164372766132</c:v>
                </c:pt>
                <c:pt idx="226">
                  <c:v>0.31795332064988097</c:v>
                </c:pt>
                <c:pt idx="227">
                  <c:v>0.30490037652340735</c:v>
                </c:pt>
                <c:pt idx="228">
                  <c:v>0.3060347229408627</c:v>
                </c:pt>
                <c:pt idx="229">
                  <c:v>0.32474148842170625</c:v>
                </c:pt>
                <c:pt idx="230">
                  <c:v>0.2991231701201213</c:v>
                </c:pt>
                <c:pt idx="231">
                  <c:v>0.33753771204317679</c:v>
                </c:pt>
                <c:pt idx="232">
                  <c:v>0.29890426116236679</c:v>
                </c:pt>
                <c:pt idx="233">
                  <c:v>0.34476568781194528</c:v>
                </c:pt>
                <c:pt idx="234">
                  <c:v>0.30338194438916438</c:v>
                </c:pt>
                <c:pt idx="235">
                  <c:v>0.34953790309099447</c:v>
                </c:pt>
                <c:pt idx="236">
                  <c:v>0.30823376292557891</c:v>
                </c:pt>
                <c:pt idx="237">
                  <c:v>0.35257675744091449</c:v>
                </c:pt>
                <c:pt idx="238">
                  <c:v>0.31384778265126606</c:v>
                </c:pt>
                <c:pt idx="239">
                  <c:v>0.36203362441591114</c:v>
                </c:pt>
                <c:pt idx="240">
                  <c:v>4.5556745182012852</c:v>
                </c:pt>
                <c:pt idx="241">
                  <c:v>4.6478067426800473</c:v>
                </c:pt>
                <c:pt idx="242">
                  <c:v>0.6065491949756614</c:v>
                </c:pt>
                <c:pt idx="243">
                  <c:v>0.48119931531834886</c:v>
                </c:pt>
                <c:pt idx="244">
                  <c:v>0.41203044028561647</c:v>
                </c:pt>
                <c:pt idx="245">
                  <c:v>0.4159986626652763</c:v>
                </c:pt>
                <c:pt idx="246">
                  <c:v>0.41814994069557321</c:v>
                </c:pt>
                <c:pt idx="247">
                  <c:v>0.42147337669057422</c:v>
                </c:pt>
                <c:pt idx="248">
                  <c:v>0.42379381164277247</c:v>
                </c:pt>
                <c:pt idx="249">
                  <c:v>0.42664559833788401</c:v>
                </c:pt>
                <c:pt idx="250">
                  <c:v>0.42901180516306731</c:v>
                </c:pt>
                <c:pt idx="251">
                  <c:v>0.43182578031093027</c:v>
                </c:pt>
                <c:pt idx="252">
                  <c:v>0.43456413236429636</c:v>
                </c:pt>
                <c:pt idx="253">
                  <c:v>0.43724477205607254</c:v>
                </c:pt>
                <c:pt idx="254">
                  <c:v>0.44064383114557049</c:v>
                </c:pt>
                <c:pt idx="255">
                  <c:v>0.44308566106525077</c:v>
                </c:pt>
                <c:pt idx="256">
                  <c:v>0.44498220867197891</c:v>
                </c:pt>
                <c:pt idx="257">
                  <c:v>0.44752951290766824</c:v>
                </c:pt>
                <c:pt idx="258">
                  <c:v>0.44928874489544113</c:v>
                </c:pt>
                <c:pt idx="259">
                  <c:v>0.45122111396798359</c:v>
                </c:pt>
                <c:pt idx="260">
                  <c:v>0.45353358859444531</c:v>
                </c:pt>
                <c:pt idx="261">
                  <c:v>0.45559929312307457</c:v>
                </c:pt>
                <c:pt idx="262">
                  <c:v>0.45803714287988662</c:v>
                </c:pt>
                <c:pt idx="263">
                  <c:v>0.45971478152886014</c:v>
                </c:pt>
                <c:pt idx="264">
                  <c:v>0.46174068442880684</c:v>
                </c:pt>
                <c:pt idx="265">
                  <c:v>0.46391186327344514</c:v>
                </c:pt>
                <c:pt idx="266">
                  <c:v>0.4658143811244756</c:v>
                </c:pt>
                <c:pt idx="267">
                  <c:v>0.46834178454582365</c:v>
                </c:pt>
                <c:pt idx="268">
                  <c:v>0.46991991912309056</c:v>
                </c:pt>
                <c:pt idx="269">
                  <c:v>0.47124531335822262</c:v>
                </c:pt>
                <c:pt idx="270">
                  <c:v>0.47468815423927152</c:v>
                </c:pt>
                <c:pt idx="271">
                  <c:v>0.47582847090102925</c:v>
                </c:pt>
                <c:pt idx="272">
                  <c:v>0.4768195314552271</c:v>
                </c:pt>
                <c:pt idx="273">
                  <c:v>0.47958176448580281</c:v>
                </c:pt>
                <c:pt idx="274">
                  <c:v>0.48070218033321926</c:v>
                </c:pt>
                <c:pt idx="275">
                  <c:v>0.48304848634406117</c:v>
                </c:pt>
                <c:pt idx="276">
                  <c:v>0.48438980123066633</c:v>
                </c:pt>
                <c:pt idx="277">
                  <c:v>0.48658088088964602</c:v>
                </c:pt>
                <c:pt idx="278">
                  <c:v>0.48712019295829584</c:v>
                </c:pt>
                <c:pt idx="279">
                  <c:v>0.48934311392022162</c:v>
                </c:pt>
                <c:pt idx="280">
                  <c:v>0.49035805545162908</c:v>
                </c:pt>
                <c:pt idx="281">
                  <c:v>0.4930128240847616</c:v>
                </c:pt>
                <c:pt idx="282">
                  <c:v>0.49378497568120494</c:v>
                </c:pt>
                <c:pt idx="283">
                  <c:v>0.49558599937909464</c:v>
                </c:pt>
                <c:pt idx="284">
                  <c:v>0.49696910597581656</c:v>
                </c:pt>
                <c:pt idx="285">
                  <c:v>0.49797409710005336</c:v>
                </c:pt>
                <c:pt idx="286">
                  <c:v>0.49890147504835897</c:v>
                </c:pt>
                <c:pt idx="287">
                  <c:v>0.50194032939827904</c:v>
                </c:pt>
                <c:pt idx="288">
                  <c:v>0.50233834568510538</c:v>
                </c:pt>
                <c:pt idx="289">
                  <c:v>0.50427867508338442</c:v>
                </c:pt>
                <c:pt idx="290">
                  <c:v>0.50551053549111236</c:v>
                </c:pt>
                <c:pt idx="291">
                  <c:v>0.50736330130628937</c:v>
                </c:pt>
                <c:pt idx="292">
                  <c:v>0.50859317163258322</c:v>
                </c:pt>
                <c:pt idx="293">
                  <c:v>0.51702315658756759</c:v>
                </c:pt>
                <c:pt idx="294">
                  <c:v>0.61051320220023397</c:v>
                </c:pt>
                <c:pt idx="295">
                  <c:v>1.0919238515240044</c:v>
                </c:pt>
                <c:pt idx="296">
                  <c:v>1.9930466554691417</c:v>
                </c:pt>
                <c:pt idx="297">
                  <c:v>1.0606329875628637</c:v>
                </c:pt>
                <c:pt idx="298">
                  <c:v>0.5987183863371035</c:v>
                </c:pt>
                <c:pt idx="299">
                  <c:v>0.47846339478631755</c:v>
                </c:pt>
                <c:pt idx="300">
                  <c:v>0.37655421143012313</c:v>
                </c:pt>
                <c:pt idx="301">
                  <c:v>0.26880769986250247</c:v>
                </c:pt>
                <c:pt idx="302">
                  <c:v>0.20988775840951401</c:v>
                </c:pt>
                <c:pt idx="303">
                  <c:v>0.18303230412835597</c:v>
                </c:pt>
                <c:pt idx="304">
                  <c:v>0.17527303917276293</c:v>
                </c:pt>
                <c:pt idx="305">
                  <c:v>0.11511088733750985</c:v>
                </c:pt>
                <c:pt idx="306">
                  <c:v>0.14700831058006894</c:v>
                </c:pt>
                <c:pt idx="307">
                  <c:v>0.22453889813171155</c:v>
                </c:pt>
                <c:pt idx="308">
                  <c:v>0.1972331897821259</c:v>
                </c:pt>
                <c:pt idx="309">
                  <c:v>0.13474383671779849</c:v>
                </c:pt>
                <c:pt idx="310">
                  <c:v>0.18968043272330704</c:v>
                </c:pt>
                <c:pt idx="311">
                  <c:v>0.24615715275069056</c:v>
                </c:pt>
                <c:pt idx="312">
                  <c:v>0.17756123480572825</c:v>
                </c:pt>
                <c:pt idx="313">
                  <c:v>0.17069147369510362</c:v>
                </c:pt>
                <c:pt idx="314">
                  <c:v>0.25531152734769907</c:v>
                </c:pt>
                <c:pt idx="315">
                  <c:v>0.21505018985376886</c:v>
                </c:pt>
                <c:pt idx="316">
                  <c:v>0.17615166012593236</c:v>
                </c:pt>
                <c:pt idx="317">
                  <c:v>0.26034842345748793</c:v>
                </c:pt>
                <c:pt idx="318">
                  <c:v>0.23335495888491758</c:v>
                </c:pt>
                <c:pt idx="319">
                  <c:v>0.19105398692914516</c:v>
                </c:pt>
                <c:pt idx="320">
                  <c:v>0.27326206188357227</c:v>
                </c:pt>
                <c:pt idx="321">
                  <c:v>0.23588435238769973</c:v>
                </c:pt>
                <c:pt idx="322">
                  <c:v>0.21373673610724153</c:v>
                </c:pt>
                <c:pt idx="323">
                  <c:v>0.28732397729715098</c:v>
                </c:pt>
                <c:pt idx="324">
                  <c:v>0.22674589844216425</c:v>
                </c:pt>
                <c:pt idx="325">
                  <c:v>0.24870445698637988</c:v>
                </c:pt>
                <c:pt idx="326">
                  <c:v>0.28718865175962999</c:v>
                </c:pt>
                <c:pt idx="327">
                  <c:v>0.22595185594994546</c:v>
                </c:pt>
                <c:pt idx="328">
                  <c:v>0.29052004808036741</c:v>
                </c:pt>
                <c:pt idx="329">
                  <c:v>0.26344698025043184</c:v>
                </c:pt>
                <c:pt idx="330">
                  <c:v>0.25566576184297463</c:v>
                </c:pt>
                <c:pt idx="331">
                  <c:v>0.30320880730439492</c:v>
                </c:pt>
                <c:pt idx="332">
                  <c:v>0.24706861004752315</c:v>
                </c:pt>
                <c:pt idx="333">
                  <c:v>0.30414812574130534</c:v>
                </c:pt>
                <c:pt idx="334">
                  <c:v>0.27283220429379973</c:v>
                </c:pt>
                <c:pt idx="335">
                  <c:v>0.28405825366373993</c:v>
                </c:pt>
                <c:pt idx="336">
                  <c:v>0.30322074779299973</c:v>
                </c:pt>
                <c:pt idx="337">
                  <c:v>0.27081824188245784</c:v>
                </c:pt>
                <c:pt idx="338">
                  <c:v>0.31909363731163881</c:v>
                </c:pt>
                <c:pt idx="339">
                  <c:v>0.2752481631548363</c:v>
                </c:pt>
                <c:pt idx="340">
                  <c:v>0.32016231104176784</c:v>
                </c:pt>
                <c:pt idx="341">
                  <c:v>0.29058572076769384</c:v>
                </c:pt>
                <c:pt idx="342">
                  <c:v>0.31271940647811308</c:v>
                </c:pt>
                <c:pt idx="343">
                  <c:v>0.30780589541724046</c:v>
                </c:pt>
                <c:pt idx="344">
                  <c:v>0.30711135699672831</c:v>
                </c:pt>
                <c:pt idx="345">
                  <c:v>0.32144790364821729</c:v>
                </c:pt>
                <c:pt idx="346">
                  <c:v>0.30480684269600311</c:v>
                </c:pt>
                <c:pt idx="347">
                  <c:v>0.33067193109542042</c:v>
                </c:pt>
                <c:pt idx="348">
                  <c:v>0.30677304315292581</c:v>
                </c:pt>
                <c:pt idx="349">
                  <c:v>0.33763323595201522</c:v>
                </c:pt>
                <c:pt idx="350">
                  <c:v>0.31126465694976241</c:v>
                </c:pt>
                <c:pt idx="351">
                  <c:v>0.34046910199565367</c:v>
                </c:pt>
                <c:pt idx="352">
                  <c:v>0.31755729444448871</c:v>
                </c:pt>
                <c:pt idx="353">
                  <c:v>0.34304227728998671</c:v>
                </c:pt>
                <c:pt idx="354">
                  <c:v>0.32408476154844257</c:v>
                </c:pt>
                <c:pt idx="355">
                  <c:v>0.36939493564076648</c:v>
                </c:pt>
                <c:pt idx="356">
                  <c:v>3.0616208815264723</c:v>
                </c:pt>
                <c:pt idx="357">
                  <c:v>0.782614640584268</c:v>
                </c:pt>
                <c:pt idx="358">
                  <c:v>0.17041302495819266</c:v>
                </c:pt>
                <c:pt idx="359">
                  <c:v>0.10247794176702987</c:v>
                </c:pt>
                <c:pt idx="360">
                  <c:v>6.2278162943925103E-2</c:v>
                </c:pt>
                <c:pt idx="361">
                  <c:v>4.3699969785862075E-2</c:v>
                </c:pt>
                <c:pt idx="362">
                  <c:v>3.1079418168049731E-2</c:v>
                </c:pt>
                <c:pt idx="363">
                  <c:v>2.3805030845192702E-2</c:v>
                </c:pt>
                <c:pt idx="364">
                  <c:v>1.8390897904039607E-2</c:v>
                </c:pt>
                <c:pt idx="365">
                  <c:v>1.6466386835840018E-2</c:v>
                </c:pt>
                <c:pt idx="366">
                  <c:v>1.6674590069397754E-2</c:v>
                </c:pt>
                <c:pt idx="367">
                  <c:v>1.9490304849403776E-2</c:v>
                </c:pt>
                <c:pt idx="368">
                  <c:v>2.2358342217858877E-2</c:v>
                </c:pt>
                <c:pt idx="369">
                  <c:v>2.5363515402813602E-2</c:v>
                </c:pt>
                <c:pt idx="370">
                  <c:v>2.7959250267942288E-2</c:v>
                </c:pt>
                <c:pt idx="371">
                  <c:v>3.0694793339840837E-2</c:v>
                </c:pt>
                <c:pt idx="372">
                  <c:v>3.3236939747445057E-2</c:v>
                </c:pt>
                <c:pt idx="373">
                  <c:v>3.5721840742418146E-2</c:v>
                </c:pt>
                <c:pt idx="374">
                  <c:v>3.7990840733979014E-2</c:v>
                </c:pt>
                <c:pt idx="375">
                  <c:v>4.0532846489463745E-2</c:v>
                </c:pt>
                <c:pt idx="376">
                  <c:v>4.2868515585661363E-2</c:v>
                </c:pt>
                <c:pt idx="377">
                  <c:v>4.5006990410338489E-2</c:v>
                </c:pt>
                <c:pt idx="378">
                  <c:v>4.7724389358823255E-2</c:v>
                </c:pt>
                <c:pt idx="379">
                  <c:v>5.0269489460936685E-2</c:v>
                </c:pt>
                <c:pt idx="380">
                  <c:v>5.3139214654825635E-2</c:v>
                </c:pt>
                <c:pt idx="381">
                  <c:v>5.5355329449459471E-2</c:v>
                </c:pt>
                <c:pt idx="382">
                  <c:v>5.7741633308672324E-2</c:v>
                </c:pt>
                <c:pt idx="383">
                  <c:v>5.947756176737827E-2</c:v>
                </c:pt>
                <c:pt idx="384">
                  <c:v>6.3102479314694232E-2</c:v>
                </c:pt>
                <c:pt idx="385">
                  <c:v>0.15867417207487325</c:v>
                </c:pt>
                <c:pt idx="386">
                  <c:v>0.17724484046660127</c:v>
                </c:pt>
                <c:pt idx="387">
                  <c:v>0.19330077975556995</c:v>
                </c:pt>
                <c:pt idx="388">
                  <c:v>0.21082441240096547</c:v>
                </c:pt>
                <c:pt idx="389">
                  <c:v>0.2250457349944005</c:v>
                </c:pt>
                <c:pt idx="390">
                  <c:v>0.23831757823640298</c:v>
                </c:pt>
                <c:pt idx="391">
                  <c:v>0.24519347815501905</c:v>
                </c:pt>
                <c:pt idx="392">
                  <c:v>0.25238587119077927</c:v>
                </c:pt>
                <c:pt idx="393">
                  <c:v>0.25201373093215917</c:v>
                </c:pt>
                <c:pt idx="394">
                  <c:v>0.24672203557243519</c:v>
                </c:pt>
                <c:pt idx="395">
                  <c:v>0.23506917635274724</c:v>
                </c:pt>
                <c:pt idx="396">
                  <c:v>0.22132085446185737</c:v>
                </c:pt>
                <c:pt idx="397">
                  <c:v>0.19978193276434134</c:v>
                </c:pt>
                <c:pt idx="398">
                  <c:v>0.17623623602735058</c:v>
                </c:pt>
                <c:pt idx="399">
                  <c:v>0.14819285908057012</c:v>
                </c:pt>
                <c:pt idx="400">
                  <c:v>0.11864440085418362</c:v>
                </c:pt>
                <c:pt idx="401">
                  <c:v>8.3433498187989966E-2</c:v>
                </c:pt>
                <c:pt idx="402">
                  <c:v>5.1041123237550695E-2</c:v>
                </c:pt>
                <c:pt idx="403">
                  <c:v>3.4116796654265501E-2</c:v>
                </c:pt>
                <c:pt idx="404">
                  <c:v>1.6138088381572449E-2</c:v>
                </c:pt>
                <c:pt idx="405">
                  <c:v>1.5816795698475962E-5</c:v>
                </c:pt>
                <c:pt idx="406">
                  <c:v>1.7389731711219158E-10</c:v>
                </c:pt>
                <c:pt idx="407">
                  <c:v>1.7389731711219158E-10</c:v>
                </c:pt>
                <c:pt idx="408">
                  <c:v>1.7389731711219158E-10</c:v>
                </c:pt>
                <c:pt idx="409">
                  <c:v>1.7389731711219158E-10</c:v>
                </c:pt>
                <c:pt idx="410">
                  <c:v>1.7389731711219158E-10</c:v>
                </c:pt>
                <c:pt idx="411">
                  <c:v>1.7389731711219158E-10</c:v>
                </c:pt>
                <c:pt idx="412">
                  <c:v>1.7389731711219158E-10</c:v>
                </c:pt>
                <c:pt idx="413">
                  <c:v>1.7389731711219158E-10</c:v>
                </c:pt>
                <c:pt idx="414">
                  <c:v>1.7389731711219158E-10</c:v>
                </c:pt>
                <c:pt idx="415">
                  <c:v>1.7389731711219158E-10</c:v>
                </c:pt>
                <c:pt idx="416">
                  <c:v>1.7389731711219158E-10</c:v>
                </c:pt>
                <c:pt idx="417">
                  <c:v>1.7389731711219158E-10</c:v>
                </c:pt>
                <c:pt idx="418">
                  <c:v>1.7389731711219158E-10</c:v>
                </c:pt>
                <c:pt idx="419">
                  <c:v>1.7389731711219158E-10</c:v>
                </c:pt>
                <c:pt idx="420">
                  <c:v>1.7389731711219158E-10</c:v>
                </c:pt>
                <c:pt idx="421">
                  <c:v>1.7389731711219158E-10</c:v>
                </c:pt>
                <c:pt idx="422">
                  <c:v>4.8699954709042118E-12</c:v>
                </c:pt>
                <c:pt idx="423">
                  <c:v>1.4065211948678854E-10</c:v>
                </c:pt>
                <c:pt idx="424">
                  <c:v>1.4065211948678854E-10</c:v>
                </c:pt>
                <c:pt idx="425">
                  <c:v>1.4065211948678854E-10</c:v>
                </c:pt>
                <c:pt idx="426">
                  <c:v>1.4065211948678854E-10</c:v>
                </c:pt>
                <c:pt idx="427">
                  <c:v>1.4065211948678854E-10</c:v>
                </c:pt>
                <c:pt idx="428">
                  <c:v>1.4065211948678854E-10</c:v>
                </c:pt>
                <c:pt idx="429">
                  <c:v>1.4065211948678854E-10</c:v>
                </c:pt>
                <c:pt idx="430">
                  <c:v>1.4065211948678854E-10</c:v>
                </c:pt>
                <c:pt idx="431">
                  <c:v>1.4065211948678854E-10</c:v>
                </c:pt>
                <c:pt idx="432">
                  <c:v>1.4065211948678854E-10</c:v>
                </c:pt>
                <c:pt idx="433">
                  <c:v>1.4065211948678854E-10</c:v>
                </c:pt>
                <c:pt idx="434">
                  <c:v>1.4065211948678854E-10</c:v>
                </c:pt>
                <c:pt idx="435">
                  <c:v>1.4065211948678854E-10</c:v>
                </c:pt>
                <c:pt idx="436">
                  <c:v>1.4065211948678854E-10</c:v>
                </c:pt>
                <c:pt idx="437">
                  <c:v>1.4065211948678854E-10</c:v>
                </c:pt>
                <c:pt idx="438">
                  <c:v>1.4065211948678854E-10</c:v>
                </c:pt>
                <c:pt idx="439">
                  <c:v>1.4065211948678854E-10</c:v>
                </c:pt>
                <c:pt idx="440">
                  <c:v>1.4065211948678854E-10</c:v>
                </c:pt>
                <c:pt idx="441">
                  <c:v>4.7807088835132466E-12</c:v>
                </c:pt>
                <c:pt idx="442">
                  <c:v>1.572388856392169E-8</c:v>
                </c:pt>
                <c:pt idx="443">
                  <c:v>2.4779231433382193E-4</c:v>
                </c:pt>
                <c:pt idx="444">
                  <c:v>6.8031659549961543E-2</c:v>
                </c:pt>
                <c:pt idx="445">
                  <c:v>0.15788040904320413</c:v>
                </c:pt>
                <c:pt idx="446">
                  <c:v>0.14300834999411974</c:v>
                </c:pt>
                <c:pt idx="447">
                  <c:v>0.12069706429138168</c:v>
                </c:pt>
                <c:pt idx="448">
                  <c:v>9.9460878943730055E-2</c:v>
                </c:pt>
                <c:pt idx="449">
                  <c:v>8.2789955883449687E-2</c:v>
                </c:pt>
                <c:pt idx="450">
                  <c:v>8.0544389923011314E-2</c:v>
                </c:pt>
                <c:pt idx="451">
                  <c:v>8.0721239623431668E-2</c:v>
                </c:pt>
                <c:pt idx="452">
                  <c:v>6.4402664195993956E-2</c:v>
                </c:pt>
                <c:pt idx="453">
                  <c:v>6.3352910383007416E-2</c:v>
                </c:pt>
                <c:pt idx="454">
                  <c:v>5.7229360090833528E-2</c:v>
                </c:pt>
                <c:pt idx="455">
                  <c:v>4.3050407096048196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F1B1-4E02-8561-C33805E31931}"/>
            </c:ext>
          </c:extLst>
        </c:ser>
        <c:ser>
          <c:idx val="4"/>
          <c:order val="3"/>
          <c:tx>
            <c:strRef>
              <c:f>'flux int'!$Q$1</c:f>
              <c:strCache>
                <c:ptCount val="1"/>
                <c:pt idx="0">
                  <c:v>Power int (W/cm2)</c:v>
                </c:pt>
              </c:strCache>
            </c:strRef>
          </c:tx>
          <c:spPr>
            <a:ln w="19050" cap="rnd">
              <a:solidFill>
                <a:schemeClr val="bg2">
                  <a:lumMod val="90000"/>
                </a:schemeClr>
              </a:solidFill>
              <a:round/>
            </a:ln>
            <a:effectLst/>
          </c:spPr>
          <c:marker>
            <c:symbol val="triangle"/>
            <c:size val="3"/>
            <c:spPr>
              <a:solidFill>
                <a:schemeClr val="tx1"/>
              </a:solidFill>
              <a:ln w="9525">
                <a:noFill/>
              </a:ln>
              <a:effectLst/>
            </c:spPr>
          </c:marker>
          <c:xVal>
            <c:numRef>
              <c:f>'flux int'!$M$2:$M$457</c:f>
              <c:numCache>
                <c:formatCode>General</c:formatCode>
                <c:ptCount val="456"/>
                <c:pt idx="0">
                  <c:v>0.05</c:v>
                </c:pt>
                <c:pt idx="1">
                  <c:v>1.1500000000000001</c:v>
                </c:pt>
                <c:pt idx="2">
                  <c:v>3.25</c:v>
                </c:pt>
                <c:pt idx="3">
                  <c:v>4.3499999999999996</c:v>
                </c:pt>
                <c:pt idx="4">
                  <c:v>4.5299999999999994</c:v>
                </c:pt>
                <c:pt idx="5">
                  <c:v>4.7099999999999991</c:v>
                </c:pt>
                <c:pt idx="6">
                  <c:v>6.4994999999999994</c:v>
                </c:pt>
                <c:pt idx="7">
                  <c:v>8.2889999999999997</c:v>
                </c:pt>
                <c:pt idx="8">
                  <c:v>8.4689999999999994</c:v>
                </c:pt>
                <c:pt idx="9">
                  <c:v>8.6489999999999991</c:v>
                </c:pt>
                <c:pt idx="10">
                  <c:v>10.449</c:v>
                </c:pt>
                <c:pt idx="11">
                  <c:v>12.2042535</c:v>
                </c:pt>
                <c:pt idx="12">
                  <c:v>12.214760500000001</c:v>
                </c:pt>
                <c:pt idx="13">
                  <c:v>12.225267500000001</c:v>
                </c:pt>
                <c:pt idx="14">
                  <c:v>12.235774500000002</c:v>
                </c:pt>
                <c:pt idx="15">
                  <c:v>12.246281500000002</c:v>
                </c:pt>
                <c:pt idx="16">
                  <c:v>12.256788500000003</c:v>
                </c:pt>
                <c:pt idx="17">
                  <c:v>12.267295500000003</c:v>
                </c:pt>
                <c:pt idx="18">
                  <c:v>12.277802500000004</c:v>
                </c:pt>
                <c:pt idx="19">
                  <c:v>12.288309500000004</c:v>
                </c:pt>
                <c:pt idx="20">
                  <c:v>12.298816500000004</c:v>
                </c:pt>
                <c:pt idx="21">
                  <c:v>12.309323500000005</c:v>
                </c:pt>
                <c:pt idx="22">
                  <c:v>12.319830500000005</c:v>
                </c:pt>
                <c:pt idx="23">
                  <c:v>12.330337500000006</c:v>
                </c:pt>
                <c:pt idx="24">
                  <c:v>12.340844500000006</c:v>
                </c:pt>
                <c:pt idx="25">
                  <c:v>12.351351500000007</c:v>
                </c:pt>
                <c:pt idx="26">
                  <c:v>12.361858500000007</c:v>
                </c:pt>
                <c:pt idx="27">
                  <c:v>12.372365500000008</c:v>
                </c:pt>
                <c:pt idx="28">
                  <c:v>12.382872500000008</c:v>
                </c:pt>
                <c:pt idx="29">
                  <c:v>12.393379500000009</c:v>
                </c:pt>
                <c:pt idx="30">
                  <c:v>12.403886500000009</c:v>
                </c:pt>
                <c:pt idx="31">
                  <c:v>12.41439350000001</c:v>
                </c:pt>
                <c:pt idx="32">
                  <c:v>12.42490050000001</c:v>
                </c:pt>
                <c:pt idx="33">
                  <c:v>12.435407500000011</c:v>
                </c:pt>
                <c:pt idx="34">
                  <c:v>12.445914500000011</c:v>
                </c:pt>
                <c:pt idx="35">
                  <c:v>12.456421500000012</c:v>
                </c:pt>
                <c:pt idx="36">
                  <c:v>12.466928500000012</c:v>
                </c:pt>
                <c:pt idx="37">
                  <c:v>12.477435500000013</c:v>
                </c:pt>
                <c:pt idx="38">
                  <c:v>12.487942500000013</c:v>
                </c:pt>
                <c:pt idx="39">
                  <c:v>12.498449500000014</c:v>
                </c:pt>
                <c:pt idx="40">
                  <c:v>12.508956500000014</c:v>
                </c:pt>
                <c:pt idx="41">
                  <c:v>12.519463500000015</c:v>
                </c:pt>
                <c:pt idx="42">
                  <c:v>12.529970500000015</c:v>
                </c:pt>
                <c:pt idx="43">
                  <c:v>12.540477500000016</c:v>
                </c:pt>
                <c:pt idx="44">
                  <c:v>12.550984500000016</c:v>
                </c:pt>
                <c:pt idx="45">
                  <c:v>12.561491500000017</c:v>
                </c:pt>
                <c:pt idx="46">
                  <c:v>12.571998500000017</c:v>
                </c:pt>
                <c:pt idx="47">
                  <c:v>12.582505500000018</c:v>
                </c:pt>
                <c:pt idx="48">
                  <c:v>12.593012500000018</c:v>
                </c:pt>
                <c:pt idx="49">
                  <c:v>12.603519500000019</c:v>
                </c:pt>
                <c:pt idx="50">
                  <c:v>12.614026500000019</c:v>
                </c:pt>
                <c:pt idx="51">
                  <c:v>12.62453350000002</c:v>
                </c:pt>
                <c:pt idx="52">
                  <c:v>12.63504050000002</c:v>
                </c:pt>
                <c:pt idx="53">
                  <c:v>12.645547500000021</c:v>
                </c:pt>
                <c:pt idx="54">
                  <c:v>12.656054500000021</c:v>
                </c:pt>
                <c:pt idx="55">
                  <c:v>12.666561500000022</c:v>
                </c:pt>
                <c:pt idx="56">
                  <c:v>12.677068500000022</c:v>
                </c:pt>
                <c:pt idx="57">
                  <c:v>12.687575500000023</c:v>
                </c:pt>
                <c:pt idx="58">
                  <c:v>12.698082500000023</c:v>
                </c:pt>
                <c:pt idx="59">
                  <c:v>12.708589500000024</c:v>
                </c:pt>
                <c:pt idx="60">
                  <c:v>12.719096500000024</c:v>
                </c:pt>
                <c:pt idx="61">
                  <c:v>12.729603500000024</c:v>
                </c:pt>
                <c:pt idx="62">
                  <c:v>12.740110500000025</c:v>
                </c:pt>
                <c:pt idx="63">
                  <c:v>12.750617500000025</c:v>
                </c:pt>
                <c:pt idx="64">
                  <c:v>12.847871000000026</c:v>
                </c:pt>
                <c:pt idx="65">
                  <c:v>12.989871000000026</c:v>
                </c:pt>
                <c:pt idx="66">
                  <c:v>13.131871000000025</c:v>
                </c:pt>
                <c:pt idx="67">
                  <c:v>13.298871000000025</c:v>
                </c:pt>
                <c:pt idx="68">
                  <c:v>13.465871000000025</c:v>
                </c:pt>
                <c:pt idx="69">
                  <c:v>13.607871000000024</c:v>
                </c:pt>
                <c:pt idx="70">
                  <c:v>13.749871000000024</c:v>
                </c:pt>
                <c:pt idx="71">
                  <c:v>13.847124500000024</c:v>
                </c:pt>
                <c:pt idx="72">
                  <c:v>13.857631500000025</c:v>
                </c:pt>
                <c:pt idx="73">
                  <c:v>13.868138500000025</c:v>
                </c:pt>
                <c:pt idx="74">
                  <c:v>13.878645500000026</c:v>
                </c:pt>
                <c:pt idx="75">
                  <c:v>13.889152500000026</c:v>
                </c:pt>
                <c:pt idx="76">
                  <c:v>13.899659500000027</c:v>
                </c:pt>
                <c:pt idx="77">
                  <c:v>13.910166500000027</c:v>
                </c:pt>
                <c:pt idx="78">
                  <c:v>13.920673500000028</c:v>
                </c:pt>
                <c:pt idx="79">
                  <c:v>13.931180500000028</c:v>
                </c:pt>
                <c:pt idx="80">
                  <c:v>13.941687500000029</c:v>
                </c:pt>
                <c:pt idx="81">
                  <c:v>13.952194500000029</c:v>
                </c:pt>
                <c:pt idx="82">
                  <c:v>13.96270150000003</c:v>
                </c:pt>
                <c:pt idx="83">
                  <c:v>13.97320850000003</c:v>
                </c:pt>
                <c:pt idx="84">
                  <c:v>13.983715500000031</c:v>
                </c:pt>
                <c:pt idx="85">
                  <c:v>13.994222500000031</c:v>
                </c:pt>
                <c:pt idx="86">
                  <c:v>14.004729500000032</c:v>
                </c:pt>
                <c:pt idx="87">
                  <c:v>14.015236500000032</c:v>
                </c:pt>
                <c:pt idx="88">
                  <c:v>14.025743500000033</c:v>
                </c:pt>
                <c:pt idx="89">
                  <c:v>14.036250500000033</c:v>
                </c:pt>
                <c:pt idx="90">
                  <c:v>14.046757500000034</c:v>
                </c:pt>
                <c:pt idx="91">
                  <c:v>14.057264500000034</c:v>
                </c:pt>
                <c:pt idx="92">
                  <c:v>14.067771500000035</c:v>
                </c:pt>
                <c:pt idx="93">
                  <c:v>14.078278500000035</c:v>
                </c:pt>
                <c:pt idx="94">
                  <c:v>14.088785500000036</c:v>
                </c:pt>
                <c:pt idx="95">
                  <c:v>14.099292500000036</c:v>
                </c:pt>
                <c:pt idx="96">
                  <c:v>14.109799500000037</c:v>
                </c:pt>
                <c:pt idx="97">
                  <c:v>14.120306500000037</c:v>
                </c:pt>
                <c:pt idx="98">
                  <c:v>14.130813500000038</c:v>
                </c:pt>
                <c:pt idx="99">
                  <c:v>14.141320500000038</c:v>
                </c:pt>
                <c:pt idx="100">
                  <c:v>14.151827500000039</c:v>
                </c:pt>
                <c:pt idx="101">
                  <c:v>14.162334500000039</c:v>
                </c:pt>
                <c:pt idx="102">
                  <c:v>14.17284150000004</c:v>
                </c:pt>
                <c:pt idx="103">
                  <c:v>14.18334850000004</c:v>
                </c:pt>
                <c:pt idx="104">
                  <c:v>14.193855500000041</c:v>
                </c:pt>
                <c:pt idx="105">
                  <c:v>14.204362500000041</c:v>
                </c:pt>
                <c:pt idx="106">
                  <c:v>14.214869500000042</c:v>
                </c:pt>
                <c:pt idx="107">
                  <c:v>14.225376500000042</c:v>
                </c:pt>
                <c:pt idx="108">
                  <c:v>14.235883500000043</c:v>
                </c:pt>
                <c:pt idx="109">
                  <c:v>14.246390500000043</c:v>
                </c:pt>
                <c:pt idx="110">
                  <c:v>14.256897500000044</c:v>
                </c:pt>
                <c:pt idx="111">
                  <c:v>14.267404500000044</c:v>
                </c:pt>
                <c:pt idx="112">
                  <c:v>14.277911500000044</c:v>
                </c:pt>
                <c:pt idx="113">
                  <c:v>14.288418500000045</c:v>
                </c:pt>
                <c:pt idx="114">
                  <c:v>14.298925500000045</c:v>
                </c:pt>
                <c:pt idx="115">
                  <c:v>14.309432500000046</c:v>
                </c:pt>
                <c:pt idx="116">
                  <c:v>14.319939500000046</c:v>
                </c:pt>
                <c:pt idx="117">
                  <c:v>14.330446500000047</c:v>
                </c:pt>
                <c:pt idx="118">
                  <c:v>14.340953500000047</c:v>
                </c:pt>
                <c:pt idx="119">
                  <c:v>14.351460500000048</c:v>
                </c:pt>
                <c:pt idx="120">
                  <c:v>14.361967500000048</c:v>
                </c:pt>
                <c:pt idx="121">
                  <c:v>14.372474500000049</c:v>
                </c:pt>
                <c:pt idx="122">
                  <c:v>14.382981500000049</c:v>
                </c:pt>
                <c:pt idx="123">
                  <c:v>14.39348850000005</c:v>
                </c:pt>
                <c:pt idx="124">
                  <c:v>14.490742000000051</c:v>
                </c:pt>
                <c:pt idx="125">
                  <c:v>14.63274200000005</c:v>
                </c:pt>
                <c:pt idx="126">
                  <c:v>14.77474200000005</c:v>
                </c:pt>
                <c:pt idx="127">
                  <c:v>14.87199550000005</c:v>
                </c:pt>
                <c:pt idx="128">
                  <c:v>14.882502500000051</c:v>
                </c:pt>
                <c:pt idx="129">
                  <c:v>14.893009500000051</c:v>
                </c:pt>
                <c:pt idx="130">
                  <c:v>14.903516500000052</c:v>
                </c:pt>
                <c:pt idx="131">
                  <c:v>14.914023500000052</c:v>
                </c:pt>
                <c:pt idx="132">
                  <c:v>14.924530500000053</c:v>
                </c:pt>
                <c:pt idx="133">
                  <c:v>14.935037500000053</c:v>
                </c:pt>
                <c:pt idx="134">
                  <c:v>14.945544500000054</c:v>
                </c:pt>
                <c:pt idx="135">
                  <c:v>14.956051500000054</c:v>
                </c:pt>
                <c:pt idx="136">
                  <c:v>14.966558500000055</c:v>
                </c:pt>
                <c:pt idx="137">
                  <c:v>14.977065500000055</c:v>
                </c:pt>
                <c:pt idx="138">
                  <c:v>14.987572500000056</c:v>
                </c:pt>
                <c:pt idx="139">
                  <c:v>14.998079500000056</c:v>
                </c:pt>
                <c:pt idx="140">
                  <c:v>15.008586500000057</c:v>
                </c:pt>
                <c:pt idx="141">
                  <c:v>15.019093500000057</c:v>
                </c:pt>
                <c:pt idx="142">
                  <c:v>15.029600500000058</c:v>
                </c:pt>
                <c:pt idx="143">
                  <c:v>15.040107500000058</c:v>
                </c:pt>
                <c:pt idx="144">
                  <c:v>15.050614500000059</c:v>
                </c:pt>
                <c:pt idx="145">
                  <c:v>15.061121500000059</c:v>
                </c:pt>
                <c:pt idx="146">
                  <c:v>15.07162850000006</c:v>
                </c:pt>
                <c:pt idx="147">
                  <c:v>15.08213550000006</c:v>
                </c:pt>
                <c:pt idx="148">
                  <c:v>15.092642500000061</c:v>
                </c:pt>
                <c:pt idx="149">
                  <c:v>15.103149500000061</c:v>
                </c:pt>
                <c:pt idx="150">
                  <c:v>15.113656500000062</c:v>
                </c:pt>
                <c:pt idx="151">
                  <c:v>15.124163500000062</c:v>
                </c:pt>
                <c:pt idx="152">
                  <c:v>15.134670500000063</c:v>
                </c:pt>
                <c:pt idx="153">
                  <c:v>15.145177500000063</c:v>
                </c:pt>
                <c:pt idx="154">
                  <c:v>15.155684500000064</c:v>
                </c:pt>
                <c:pt idx="155">
                  <c:v>15.166191500000064</c:v>
                </c:pt>
                <c:pt idx="156">
                  <c:v>15.176698500000064</c:v>
                </c:pt>
                <c:pt idx="157">
                  <c:v>15.187205500000065</c:v>
                </c:pt>
                <c:pt idx="158">
                  <c:v>15.197712500000065</c:v>
                </c:pt>
                <c:pt idx="159">
                  <c:v>15.208219500000066</c:v>
                </c:pt>
                <c:pt idx="160">
                  <c:v>15.218726500000066</c:v>
                </c:pt>
                <c:pt idx="161">
                  <c:v>15.229233500000067</c:v>
                </c:pt>
                <c:pt idx="162">
                  <c:v>15.239740500000067</c:v>
                </c:pt>
                <c:pt idx="163">
                  <c:v>15.250247500000068</c:v>
                </c:pt>
                <c:pt idx="164">
                  <c:v>15.260754500000068</c:v>
                </c:pt>
                <c:pt idx="165">
                  <c:v>15.271261500000069</c:v>
                </c:pt>
                <c:pt idx="166">
                  <c:v>15.281768500000069</c:v>
                </c:pt>
                <c:pt idx="167">
                  <c:v>15.29227550000007</c:v>
                </c:pt>
                <c:pt idx="168">
                  <c:v>15.30278250000007</c:v>
                </c:pt>
                <c:pt idx="169">
                  <c:v>15.313289500000071</c:v>
                </c:pt>
                <c:pt idx="170">
                  <c:v>15.323796500000071</c:v>
                </c:pt>
                <c:pt idx="171">
                  <c:v>15.334303500000072</c:v>
                </c:pt>
                <c:pt idx="172">
                  <c:v>15.344810500000072</c:v>
                </c:pt>
                <c:pt idx="173">
                  <c:v>15.355317500000073</c:v>
                </c:pt>
                <c:pt idx="174">
                  <c:v>15.365824500000073</c:v>
                </c:pt>
                <c:pt idx="175">
                  <c:v>15.376331500000074</c:v>
                </c:pt>
                <c:pt idx="176">
                  <c:v>15.386838500000074</c:v>
                </c:pt>
                <c:pt idx="177">
                  <c:v>15.397345500000075</c:v>
                </c:pt>
                <c:pt idx="178">
                  <c:v>15.407852500000075</c:v>
                </c:pt>
                <c:pt idx="179">
                  <c:v>15.418359500000076</c:v>
                </c:pt>
                <c:pt idx="180">
                  <c:v>15.515613000000076</c:v>
                </c:pt>
                <c:pt idx="181">
                  <c:v>15.657613000000076</c:v>
                </c:pt>
                <c:pt idx="182">
                  <c:v>15.799613000000075</c:v>
                </c:pt>
                <c:pt idx="183">
                  <c:v>15.929113000000076</c:v>
                </c:pt>
                <c:pt idx="184">
                  <c:v>16.004113000000075</c:v>
                </c:pt>
                <c:pt idx="185">
                  <c:v>16.133613000000075</c:v>
                </c:pt>
                <c:pt idx="186">
                  <c:v>16.275613000000074</c:v>
                </c:pt>
                <c:pt idx="187">
                  <c:v>16.417613000000074</c:v>
                </c:pt>
                <c:pt idx="188">
                  <c:v>16.514866500000075</c:v>
                </c:pt>
                <c:pt idx="189">
                  <c:v>16.525373500000075</c:v>
                </c:pt>
                <c:pt idx="190">
                  <c:v>16.535880500000076</c:v>
                </c:pt>
                <c:pt idx="191">
                  <c:v>16.546387500000076</c:v>
                </c:pt>
                <c:pt idx="192">
                  <c:v>16.556894500000077</c:v>
                </c:pt>
                <c:pt idx="193">
                  <c:v>16.567401500000077</c:v>
                </c:pt>
                <c:pt idx="194">
                  <c:v>16.577908500000078</c:v>
                </c:pt>
                <c:pt idx="195">
                  <c:v>16.588415500000078</c:v>
                </c:pt>
                <c:pt idx="196">
                  <c:v>16.598922500000079</c:v>
                </c:pt>
                <c:pt idx="197">
                  <c:v>16.609429500000079</c:v>
                </c:pt>
                <c:pt idx="198">
                  <c:v>16.61993650000008</c:v>
                </c:pt>
                <c:pt idx="199">
                  <c:v>16.63044350000008</c:v>
                </c:pt>
                <c:pt idx="200">
                  <c:v>16.640950500000081</c:v>
                </c:pt>
                <c:pt idx="201">
                  <c:v>16.651457500000081</c:v>
                </c:pt>
                <c:pt idx="202">
                  <c:v>16.661964500000082</c:v>
                </c:pt>
                <c:pt idx="203">
                  <c:v>16.672471500000082</c:v>
                </c:pt>
                <c:pt idx="204">
                  <c:v>16.682978500000083</c:v>
                </c:pt>
                <c:pt idx="205">
                  <c:v>16.693485500000083</c:v>
                </c:pt>
                <c:pt idx="206">
                  <c:v>16.703992500000084</c:v>
                </c:pt>
                <c:pt idx="207">
                  <c:v>16.714499500000084</c:v>
                </c:pt>
                <c:pt idx="208">
                  <c:v>16.725006500000084</c:v>
                </c:pt>
                <c:pt idx="209">
                  <c:v>16.735513500000085</c:v>
                </c:pt>
                <c:pt idx="210">
                  <c:v>16.746020500000085</c:v>
                </c:pt>
                <c:pt idx="211">
                  <c:v>16.756527500000086</c:v>
                </c:pt>
                <c:pt idx="212">
                  <c:v>16.767034500000086</c:v>
                </c:pt>
                <c:pt idx="213">
                  <c:v>16.777541500000087</c:v>
                </c:pt>
                <c:pt idx="214">
                  <c:v>16.788048500000087</c:v>
                </c:pt>
                <c:pt idx="215">
                  <c:v>16.798555500000088</c:v>
                </c:pt>
                <c:pt idx="216">
                  <c:v>16.809062500000088</c:v>
                </c:pt>
                <c:pt idx="217">
                  <c:v>16.819569500000089</c:v>
                </c:pt>
                <c:pt idx="218">
                  <c:v>16.830076500000089</c:v>
                </c:pt>
                <c:pt idx="219">
                  <c:v>16.84058350000009</c:v>
                </c:pt>
                <c:pt idx="220">
                  <c:v>16.85109050000009</c:v>
                </c:pt>
                <c:pt idx="221">
                  <c:v>16.861597500000091</c:v>
                </c:pt>
                <c:pt idx="222">
                  <c:v>16.872104500000091</c:v>
                </c:pt>
                <c:pt idx="223">
                  <c:v>16.882611500000092</c:v>
                </c:pt>
                <c:pt idx="224">
                  <c:v>16.893118500000092</c:v>
                </c:pt>
                <c:pt idx="225">
                  <c:v>16.903625500000093</c:v>
                </c:pt>
                <c:pt idx="226">
                  <c:v>16.914132500000093</c:v>
                </c:pt>
                <c:pt idx="227">
                  <c:v>16.924639500000094</c:v>
                </c:pt>
                <c:pt idx="228">
                  <c:v>16.935146500000094</c:v>
                </c:pt>
                <c:pt idx="229">
                  <c:v>16.945653500000095</c:v>
                </c:pt>
                <c:pt idx="230">
                  <c:v>16.956160500000095</c:v>
                </c:pt>
                <c:pt idx="231">
                  <c:v>16.966667500000096</c:v>
                </c:pt>
                <c:pt idx="232">
                  <c:v>16.977174500000096</c:v>
                </c:pt>
                <c:pt idx="233">
                  <c:v>16.987681500000097</c:v>
                </c:pt>
                <c:pt idx="234">
                  <c:v>16.998188500000097</c:v>
                </c:pt>
                <c:pt idx="235">
                  <c:v>17.008695500000098</c:v>
                </c:pt>
                <c:pt idx="236">
                  <c:v>17.019202500000098</c:v>
                </c:pt>
                <c:pt idx="237">
                  <c:v>17.029709500000099</c:v>
                </c:pt>
                <c:pt idx="238">
                  <c:v>17.040216500000099</c:v>
                </c:pt>
                <c:pt idx="239">
                  <c:v>17.0507235000001</c:v>
                </c:pt>
                <c:pt idx="240">
                  <c:v>17.0612305000001</c:v>
                </c:pt>
                <c:pt idx="241">
                  <c:v>17.158484000000101</c:v>
                </c:pt>
                <c:pt idx="242">
                  <c:v>17.3004840000001</c:v>
                </c:pt>
                <c:pt idx="243">
                  <c:v>17.4424840000001</c:v>
                </c:pt>
                <c:pt idx="244">
                  <c:v>17.539737500000101</c:v>
                </c:pt>
                <c:pt idx="245">
                  <c:v>17.550244500000101</c:v>
                </c:pt>
                <c:pt idx="246">
                  <c:v>17.560751500000102</c:v>
                </c:pt>
                <c:pt idx="247">
                  <c:v>17.571258500000102</c:v>
                </c:pt>
                <c:pt idx="248">
                  <c:v>17.581765500000103</c:v>
                </c:pt>
                <c:pt idx="249">
                  <c:v>17.592272500000103</c:v>
                </c:pt>
                <c:pt idx="250">
                  <c:v>17.602779500000103</c:v>
                </c:pt>
                <c:pt idx="251">
                  <c:v>17.613286500000104</c:v>
                </c:pt>
                <c:pt idx="252">
                  <c:v>17.623793500000104</c:v>
                </c:pt>
                <c:pt idx="253">
                  <c:v>17.634300500000105</c:v>
                </c:pt>
                <c:pt idx="254">
                  <c:v>17.644807500000105</c:v>
                </c:pt>
                <c:pt idx="255">
                  <c:v>17.655314500000106</c:v>
                </c:pt>
                <c:pt idx="256">
                  <c:v>17.665821500000106</c:v>
                </c:pt>
                <c:pt idx="257">
                  <c:v>17.676328500000107</c:v>
                </c:pt>
                <c:pt idx="258">
                  <c:v>17.686835500000107</c:v>
                </c:pt>
                <c:pt idx="259">
                  <c:v>17.697342500000108</c:v>
                </c:pt>
                <c:pt idx="260">
                  <c:v>17.707849500000108</c:v>
                </c:pt>
                <c:pt idx="261">
                  <c:v>17.718356500000109</c:v>
                </c:pt>
                <c:pt idx="262">
                  <c:v>17.728863500000109</c:v>
                </c:pt>
                <c:pt idx="263">
                  <c:v>17.73937050000011</c:v>
                </c:pt>
                <c:pt idx="264">
                  <c:v>17.74987750000011</c:v>
                </c:pt>
                <c:pt idx="265">
                  <c:v>17.760384500000111</c:v>
                </c:pt>
                <c:pt idx="266">
                  <c:v>17.770891500000111</c:v>
                </c:pt>
                <c:pt idx="267">
                  <c:v>17.781398500000112</c:v>
                </c:pt>
                <c:pt idx="268">
                  <c:v>17.791905500000112</c:v>
                </c:pt>
                <c:pt idx="269">
                  <c:v>17.802412500000113</c:v>
                </c:pt>
                <c:pt idx="270">
                  <c:v>17.812919500000113</c:v>
                </c:pt>
                <c:pt idx="271">
                  <c:v>17.823426500000114</c:v>
                </c:pt>
                <c:pt idx="272">
                  <c:v>17.833933500000114</c:v>
                </c:pt>
                <c:pt idx="273">
                  <c:v>17.844440500000115</c:v>
                </c:pt>
                <c:pt idx="274">
                  <c:v>17.854947500000115</c:v>
                </c:pt>
                <c:pt idx="275">
                  <c:v>17.865454500000116</c:v>
                </c:pt>
                <c:pt idx="276">
                  <c:v>17.875961500000116</c:v>
                </c:pt>
                <c:pt idx="277">
                  <c:v>17.886468500000117</c:v>
                </c:pt>
                <c:pt idx="278">
                  <c:v>17.896975500000117</c:v>
                </c:pt>
                <c:pt idx="279">
                  <c:v>17.907482500000118</c:v>
                </c:pt>
                <c:pt idx="280">
                  <c:v>17.917989500000118</c:v>
                </c:pt>
                <c:pt idx="281">
                  <c:v>17.928496500000119</c:v>
                </c:pt>
                <c:pt idx="282">
                  <c:v>17.939003500000119</c:v>
                </c:pt>
                <c:pt idx="283">
                  <c:v>17.94951050000012</c:v>
                </c:pt>
                <c:pt idx="284">
                  <c:v>17.96001750000012</c:v>
                </c:pt>
                <c:pt idx="285">
                  <c:v>17.970524500000121</c:v>
                </c:pt>
                <c:pt idx="286">
                  <c:v>17.981031500000121</c:v>
                </c:pt>
                <c:pt idx="287">
                  <c:v>17.991538500000122</c:v>
                </c:pt>
                <c:pt idx="288">
                  <c:v>18.002045500000122</c:v>
                </c:pt>
                <c:pt idx="289">
                  <c:v>18.012552500000123</c:v>
                </c:pt>
                <c:pt idx="290">
                  <c:v>18.023059500000123</c:v>
                </c:pt>
                <c:pt idx="291">
                  <c:v>18.033566500000124</c:v>
                </c:pt>
                <c:pt idx="292">
                  <c:v>18.044073500000124</c:v>
                </c:pt>
                <c:pt idx="293">
                  <c:v>18.054580500000124</c:v>
                </c:pt>
                <c:pt idx="294">
                  <c:v>18.065087500000125</c:v>
                </c:pt>
                <c:pt idx="295">
                  <c:v>18.075594500000125</c:v>
                </c:pt>
                <c:pt idx="296">
                  <c:v>18.086101500000126</c:v>
                </c:pt>
                <c:pt idx="297">
                  <c:v>18.183355000000127</c:v>
                </c:pt>
                <c:pt idx="298">
                  <c:v>18.325355000000126</c:v>
                </c:pt>
                <c:pt idx="299">
                  <c:v>18.467355000000126</c:v>
                </c:pt>
                <c:pt idx="300">
                  <c:v>18.634355000000127</c:v>
                </c:pt>
                <c:pt idx="301">
                  <c:v>18.801355000000129</c:v>
                </c:pt>
                <c:pt idx="302">
                  <c:v>18.943355000000128</c:v>
                </c:pt>
                <c:pt idx="303">
                  <c:v>19.085355000000128</c:v>
                </c:pt>
                <c:pt idx="304">
                  <c:v>19.182608500000129</c:v>
                </c:pt>
                <c:pt idx="305">
                  <c:v>19.193115500000129</c:v>
                </c:pt>
                <c:pt idx="306">
                  <c:v>19.203622500000129</c:v>
                </c:pt>
                <c:pt idx="307">
                  <c:v>19.21412950000013</c:v>
                </c:pt>
                <c:pt idx="308">
                  <c:v>19.22463650000013</c:v>
                </c:pt>
                <c:pt idx="309">
                  <c:v>19.235143500000131</c:v>
                </c:pt>
                <c:pt idx="310">
                  <c:v>19.245650500000131</c:v>
                </c:pt>
                <c:pt idx="311">
                  <c:v>19.256157500000132</c:v>
                </c:pt>
                <c:pt idx="312">
                  <c:v>19.266664500000132</c:v>
                </c:pt>
                <c:pt idx="313">
                  <c:v>19.277171500000133</c:v>
                </c:pt>
                <c:pt idx="314">
                  <c:v>19.287678500000133</c:v>
                </c:pt>
                <c:pt idx="315">
                  <c:v>19.298185500000134</c:v>
                </c:pt>
                <c:pt idx="316">
                  <c:v>19.308692500000134</c:v>
                </c:pt>
                <c:pt idx="317">
                  <c:v>19.319199500000135</c:v>
                </c:pt>
                <c:pt idx="318">
                  <c:v>19.329706500000135</c:v>
                </c:pt>
                <c:pt idx="319">
                  <c:v>19.340213500000136</c:v>
                </c:pt>
                <c:pt idx="320">
                  <c:v>19.350720500000136</c:v>
                </c:pt>
                <c:pt idx="321">
                  <c:v>19.361227500000137</c:v>
                </c:pt>
                <c:pt idx="322">
                  <c:v>19.371734500000137</c:v>
                </c:pt>
                <c:pt idx="323">
                  <c:v>19.382241500000138</c:v>
                </c:pt>
                <c:pt idx="324">
                  <c:v>19.392748500000138</c:v>
                </c:pt>
                <c:pt idx="325">
                  <c:v>19.403255500000139</c:v>
                </c:pt>
                <c:pt idx="326">
                  <c:v>19.413762500000139</c:v>
                </c:pt>
                <c:pt idx="327">
                  <c:v>19.42426950000014</c:v>
                </c:pt>
                <c:pt idx="328">
                  <c:v>19.43477650000014</c:v>
                </c:pt>
                <c:pt idx="329">
                  <c:v>19.445283500000141</c:v>
                </c:pt>
                <c:pt idx="330">
                  <c:v>19.455790500000141</c:v>
                </c:pt>
                <c:pt idx="331">
                  <c:v>19.466297500000142</c:v>
                </c:pt>
                <c:pt idx="332">
                  <c:v>19.476804500000142</c:v>
                </c:pt>
                <c:pt idx="333">
                  <c:v>19.487311500000143</c:v>
                </c:pt>
                <c:pt idx="334">
                  <c:v>19.497818500000143</c:v>
                </c:pt>
                <c:pt idx="335">
                  <c:v>19.508325500000144</c:v>
                </c:pt>
                <c:pt idx="336">
                  <c:v>19.518832500000144</c:v>
                </c:pt>
                <c:pt idx="337">
                  <c:v>19.529339500000145</c:v>
                </c:pt>
                <c:pt idx="338">
                  <c:v>19.539846500000145</c:v>
                </c:pt>
                <c:pt idx="339">
                  <c:v>19.550353500000146</c:v>
                </c:pt>
                <c:pt idx="340">
                  <c:v>19.560860500000146</c:v>
                </c:pt>
                <c:pt idx="341">
                  <c:v>19.571367500000147</c:v>
                </c:pt>
                <c:pt idx="342">
                  <c:v>19.581874500000147</c:v>
                </c:pt>
                <c:pt idx="343">
                  <c:v>19.592381500000148</c:v>
                </c:pt>
                <c:pt idx="344">
                  <c:v>19.602888500000148</c:v>
                </c:pt>
                <c:pt idx="345">
                  <c:v>19.613395500000149</c:v>
                </c:pt>
                <c:pt idx="346">
                  <c:v>19.623902500000149</c:v>
                </c:pt>
                <c:pt idx="347">
                  <c:v>19.63440950000015</c:v>
                </c:pt>
                <c:pt idx="348">
                  <c:v>19.64491650000015</c:v>
                </c:pt>
                <c:pt idx="349">
                  <c:v>19.65542350000015</c:v>
                </c:pt>
                <c:pt idx="350">
                  <c:v>19.665930500000151</c:v>
                </c:pt>
                <c:pt idx="351">
                  <c:v>19.676437500000151</c:v>
                </c:pt>
                <c:pt idx="352">
                  <c:v>19.686944500000152</c:v>
                </c:pt>
                <c:pt idx="353">
                  <c:v>19.697451500000152</c:v>
                </c:pt>
                <c:pt idx="354">
                  <c:v>19.707958500000153</c:v>
                </c:pt>
                <c:pt idx="355">
                  <c:v>19.718465500000153</c:v>
                </c:pt>
                <c:pt idx="356">
                  <c:v>19.728972500000154</c:v>
                </c:pt>
                <c:pt idx="357">
                  <c:v>20.216726000000154</c:v>
                </c:pt>
                <c:pt idx="358">
                  <c:v>20.749226000000153</c:v>
                </c:pt>
                <c:pt idx="359">
                  <c:v>21.174226000000154</c:v>
                </c:pt>
                <c:pt idx="360">
                  <c:v>21.599226000000154</c:v>
                </c:pt>
                <c:pt idx="361">
                  <c:v>22.024226000000155</c:v>
                </c:pt>
                <c:pt idx="362">
                  <c:v>22.449226000000156</c:v>
                </c:pt>
                <c:pt idx="363">
                  <c:v>22.874226000000156</c:v>
                </c:pt>
                <c:pt idx="364">
                  <c:v>23.299226000000157</c:v>
                </c:pt>
                <c:pt idx="365">
                  <c:v>23.499226000000156</c:v>
                </c:pt>
                <c:pt idx="366">
                  <c:v>23.657480950000156</c:v>
                </c:pt>
                <c:pt idx="367">
                  <c:v>23.673990850000155</c:v>
                </c:pt>
                <c:pt idx="368">
                  <c:v>23.690500750000155</c:v>
                </c:pt>
                <c:pt idx="369">
                  <c:v>23.707010650000154</c:v>
                </c:pt>
                <c:pt idx="370">
                  <c:v>23.723520550000153</c:v>
                </c:pt>
                <c:pt idx="371">
                  <c:v>23.740030450000152</c:v>
                </c:pt>
                <c:pt idx="372">
                  <c:v>23.756540350000151</c:v>
                </c:pt>
                <c:pt idx="373">
                  <c:v>23.77305025000015</c:v>
                </c:pt>
                <c:pt idx="374">
                  <c:v>23.789560150000149</c:v>
                </c:pt>
                <c:pt idx="375">
                  <c:v>23.806070050000148</c:v>
                </c:pt>
                <c:pt idx="376">
                  <c:v>23.822579950000147</c:v>
                </c:pt>
                <c:pt idx="377">
                  <c:v>23.839089850000146</c:v>
                </c:pt>
                <c:pt idx="378">
                  <c:v>23.855599750000145</c:v>
                </c:pt>
                <c:pt idx="379">
                  <c:v>23.872109650000144</c:v>
                </c:pt>
                <c:pt idx="380">
                  <c:v>23.888619550000143</c:v>
                </c:pt>
                <c:pt idx="381">
                  <c:v>23.905129450000143</c:v>
                </c:pt>
                <c:pt idx="382">
                  <c:v>23.921639350000142</c:v>
                </c:pt>
                <c:pt idx="383">
                  <c:v>23.938149250000141</c:v>
                </c:pt>
                <c:pt idx="384">
                  <c:v>24.240904200000141</c:v>
                </c:pt>
                <c:pt idx="385">
                  <c:v>24.545608550000143</c:v>
                </c:pt>
                <c:pt idx="386">
                  <c:v>24.566017250000144</c:v>
                </c:pt>
                <c:pt idx="387">
                  <c:v>24.586425950000145</c:v>
                </c:pt>
                <c:pt idx="388">
                  <c:v>24.606834650000145</c:v>
                </c:pt>
                <c:pt idx="389">
                  <c:v>24.627243350000146</c:v>
                </c:pt>
                <c:pt idx="390">
                  <c:v>24.647652050000147</c:v>
                </c:pt>
                <c:pt idx="391">
                  <c:v>24.668060750000148</c:v>
                </c:pt>
                <c:pt idx="392">
                  <c:v>24.688469450000149</c:v>
                </c:pt>
                <c:pt idx="393">
                  <c:v>24.70887815000015</c:v>
                </c:pt>
                <c:pt idx="394">
                  <c:v>24.72928685000015</c:v>
                </c:pt>
                <c:pt idx="395">
                  <c:v>24.749695550000151</c:v>
                </c:pt>
                <c:pt idx="396">
                  <c:v>24.770104250000152</c:v>
                </c:pt>
                <c:pt idx="397">
                  <c:v>24.790512950000153</c:v>
                </c:pt>
                <c:pt idx="398">
                  <c:v>24.810921650000154</c:v>
                </c:pt>
                <c:pt idx="399">
                  <c:v>24.831330350000155</c:v>
                </c:pt>
                <c:pt idx="400">
                  <c:v>24.851739050000155</c:v>
                </c:pt>
                <c:pt idx="401">
                  <c:v>24.872147750000156</c:v>
                </c:pt>
                <c:pt idx="402">
                  <c:v>24.892556450000157</c:v>
                </c:pt>
                <c:pt idx="403">
                  <c:v>24.952760800000156</c:v>
                </c:pt>
                <c:pt idx="404">
                  <c:v>25.012965150000156</c:v>
                </c:pt>
                <c:pt idx="405">
                  <c:v>25.033373850000157</c:v>
                </c:pt>
                <c:pt idx="406">
                  <c:v>25.053782550000157</c:v>
                </c:pt>
                <c:pt idx="407">
                  <c:v>25.074191250000158</c:v>
                </c:pt>
                <c:pt idx="408">
                  <c:v>25.094599950000159</c:v>
                </c:pt>
                <c:pt idx="409">
                  <c:v>25.11500865000016</c:v>
                </c:pt>
                <c:pt idx="410">
                  <c:v>25.135417350000161</c:v>
                </c:pt>
                <c:pt idx="411">
                  <c:v>25.155826050000162</c:v>
                </c:pt>
                <c:pt idx="412">
                  <c:v>25.176234750000162</c:v>
                </c:pt>
                <c:pt idx="413">
                  <c:v>25.196643450000163</c:v>
                </c:pt>
                <c:pt idx="414">
                  <c:v>25.217052150000164</c:v>
                </c:pt>
                <c:pt idx="415">
                  <c:v>25.237460850000165</c:v>
                </c:pt>
                <c:pt idx="416">
                  <c:v>25.257869550000166</c:v>
                </c:pt>
                <c:pt idx="417">
                  <c:v>25.278278250000167</c:v>
                </c:pt>
                <c:pt idx="418">
                  <c:v>25.298686950000167</c:v>
                </c:pt>
                <c:pt idx="419">
                  <c:v>25.319095650000168</c:v>
                </c:pt>
                <c:pt idx="420">
                  <c:v>25.339504350000169</c:v>
                </c:pt>
                <c:pt idx="421">
                  <c:v>26.60991305000017</c:v>
                </c:pt>
                <c:pt idx="422">
                  <c:v>26.914617400000171</c:v>
                </c:pt>
                <c:pt idx="423">
                  <c:v>27.217372350000172</c:v>
                </c:pt>
                <c:pt idx="424">
                  <c:v>27.233882250000171</c:v>
                </c:pt>
                <c:pt idx="425">
                  <c:v>27.25039215000017</c:v>
                </c:pt>
                <c:pt idx="426">
                  <c:v>27.266902050000169</c:v>
                </c:pt>
                <c:pt idx="427">
                  <c:v>27.283411950000168</c:v>
                </c:pt>
                <c:pt idx="428">
                  <c:v>27.299921850000167</c:v>
                </c:pt>
                <c:pt idx="429">
                  <c:v>27.316431750000167</c:v>
                </c:pt>
                <c:pt idx="430">
                  <c:v>27.332941650000166</c:v>
                </c:pt>
                <c:pt idx="431">
                  <c:v>27.349451550000165</c:v>
                </c:pt>
                <c:pt idx="432">
                  <c:v>27.365961450000164</c:v>
                </c:pt>
                <c:pt idx="433">
                  <c:v>27.382471350000163</c:v>
                </c:pt>
                <c:pt idx="434">
                  <c:v>27.398981250000162</c:v>
                </c:pt>
                <c:pt idx="435">
                  <c:v>27.415491150000161</c:v>
                </c:pt>
                <c:pt idx="436">
                  <c:v>27.43200105000016</c:v>
                </c:pt>
                <c:pt idx="437">
                  <c:v>27.448510950000159</c:v>
                </c:pt>
                <c:pt idx="438">
                  <c:v>27.465020850000158</c:v>
                </c:pt>
                <c:pt idx="439">
                  <c:v>27.481530750000157</c:v>
                </c:pt>
                <c:pt idx="440">
                  <c:v>27.498040650000156</c:v>
                </c:pt>
                <c:pt idx="441">
                  <c:v>27.806295600000155</c:v>
                </c:pt>
                <c:pt idx="442">
                  <c:v>28.182008100000154</c:v>
                </c:pt>
                <c:pt idx="443">
                  <c:v>28.307720600000152</c:v>
                </c:pt>
                <c:pt idx="444">
                  <c:v>28.432018600000152</c:v>
                </c:pt>
                <c:pt idx="445">
                  <c:v>28.580614600000153</c:v>
                </c:pt>
                <c:pt idx="446">
                  <c:v>28.704912600000153</c:v>
                </c:pt>
                <c:pt idx="447">
                  <c:v>28.830625100000152</c:v>
                </c:pt>
                <c:pt idx="448">
                  <c:v>29.006337600000151</c:v>
                </c:pt>
                <c:pt idx="449">
                  <c:v>29.131337600000151</c:v>
                </c:pt>
                <c:pt idx="450">
                  <c:v>29.231337600000153</c:v>
                </c:pt>
                <c:pt idx="451">
                  <c:v>29.331337600000154</c:v>
                </c:pt>
                <c:pt idx="452">
                  <c:v>29.456337600000154</c:v>
                </c:pt>
                <c:pt idx="453">
                  <c:v>29.558337600000154</c:v>
                </c:pt>
                <c:pt idx="454">
                  <c:v>29.692337600000155</c:v>
                </c:pt>
                <c:pt idx="455">
                  <c:v>30.084337600000154</c:v>
                </c:pt>
              </c:numCache>
            </c:numRef>
          </c:xVal>
          <c:yVal>
            <c:numRef>
              <c:f>'flux int'!$Q$2:$Q$457</c:f>
              <c:numCache>
                <c:formatCode>0.00E+00</c:formatCode>
                <c:ptCount val="456"/>
                <c:pt idx="0">
                  <c:v>0</c:v>
                </c:pt>
                <c:pt idx="1">
                  <c:v>0</c:v>
                </c:pt>
                <c:pt idx="2">
                  <c:v>6.003513142869631E-9</c:v>
                </c:pt>
                <c:pt idx="3">
                  <c:v>0</c:v>
                </c:pt>
                <c:pt idx="4">
                  <c:v>7.2143597890602601E-6</c:v>
                </c:pt>
                <c:pt idx="5">
                  <c:v>0</c:v>
                </c:pt>
                <c:pt idx="6">
                  <c:v>1.2200583744207906E-3</c:v>
                </c:pt>
                <c:pt idx="7">
                  <c:v>7.1469753860187082E-3</c:v>
                </c:pt>
                <c:pt idx="8">
                  <c:v>8.648507314489972E-3</c:v>
                </c:pt>
                <c:pt idx="9">
                  <c:v>9.8960768509249245E-3</c:v>
                </c:pt>
                <c:pt idx="10">
                  <c:v>1.6027799177170583E-2</c:v>
                </c:pt>
                <c:pt idx="11">
                  <c:v>1.3244279922246858E-2</c:v>
                </c:pt>
                <c:pt idx="12">
                  <c:v>5.8048844501917864E-3</c:v>
                </c:pt>
                <c:pt idx="13">
                  <c:v>1.1110880245398102E-4</c:v>
                </c:pt>
                <c:pt idx="14">
                  <c:v>2.5628846306315666E-5</c:v>
                </c:pt>
                <c:pt idx="15">
                  <c:v>0</c:v>
                </c:pt>
                <c:pt idx="16">
                  <c:v>0</c:v>
                </c:pt>
                <c:pt idx="17">
                  <c:v>0</c:v>
                </c:pt>
                <c:pt idx="18">
                  <c:v>0</c:v>
                </c:pt>
                <c:pt idx="19">
                  <c:v>0</c:v>
                </c:pt>
                <c:pt idx="20">
                  <c:v>0</c:v>
                </c:pt>
                <c:pt idx="21">
                  <c:v>0</c:v>
                </c:pt>
                <c:pt idx="22">
                  <c:v>0</c:v>
                </c:pt>
                <c:pt idx="23">
                  <c:v>0</c:v>
                </c:pt>
                <c:pt idx="24">
                  <c:v>0</c:v>
                </c:pt>
                <c:pt idx="25">
                  <c:v>0</c:v>
                </c:pt>
                <c:pt idx="26">
                  <c:v>0</c:v>
                </c:pt>
                <c:pt idx="27">
                  <c:v>0</c:v>
                </c:pt>
                <c:pt idx="28">
                  <c:v>0</c:v>
                </c:pt>
                <c:pt idx="29">
                  <c:v>0</c:v>
                </c:pt>
                <c:pt idx="30">
                  <c:v>0</c:v>
                </c:pt>
                <c:pt idx="31">
                  <c:v>0</c:v>
                </c:pt>
                <c:pt idx="32">
                  <c:v>0</c:v>
                </c:pt>
                <c:pt idx="33">
                  <c:v>0</c:v>
                </c:pt>
                <c:pt idx="34">
                  <c:v>0</c:v>
                </c:pt>
                <c:pt idx="35">
                  <c:v>0</c:v>
                </c:pt>
                <c:pt idx="36">
                  <c:v>0</c:v>
                </c:pt>
                <c:pt idx="37">
                  <c:v>0</c:v>
                </c:pt>
                <c:pt idx="38">
                  <c:v>0</c:v>
                </c:pt>
                <c:pt idx="39">
                  <c:v>0</c:v>
                </c:pt>
                <c:pt idx="40">
                  <c:v>0</c:v>
                </c:pt>
                <c:pt idx="41">
                  <c:v>0</c:v>
                </c:pt>
                <c:pt idx="42">
                  <c:v>0</c:v>
                </c:pt>
                <c:pt idx="43">
                  <c:v>0</c:v>
                </c:pt>
                <c:pt idx="44">
                  <c:v>0</c:v>
                </c:pt>
                <c:pt idx="45">
                  <c:v>0</c:v>
                </c:pt>
                <c:pt idx="46">
                  <c:v>0</c:v>
                </c:pt>
                <c:pt idx="47">
                  <c:v>0</c:v>
                </c:pt>
                <c:pt idx="48">
                  <c:v>0</c:v>
                </c:pt>
                <c:pt idx="49">
                  <c:v>0</c:v>
                </c:pt>
                <c:pt idx="50">
                  <c:v>0</c:v>
                </c:pt>
                <c:pt idx="51">
                  <c:v>0</c:v>
                </c:pt>
                <c:pt idx="52">
                  <c:v>0</c:v>
                </c:pt>
                <c:pt idx="53">
                  <c:v>0</c:v>
                </c:pt>
                <c:pt idx="54">
                  <c:v>0</c:v>
                </c:pt>
                <c:pt idx="55">
                  <c:v>0</c:v>
                </c:pt>
                <c:pt idx="56">
                  <c:v>0</c:v>
                </c:pt>
                <c:pt idx="57">
                  <c:v>0</c:v>
                </c:pt>
                <c:pt idx="58">
                  <c:v>0</c:v>
                </c:pt>
                <c:pt idx="59">
                  <c:v>0</c:v>
                </c:pt>
                <c:pt idx="60">
                  <c:v>0</c:v>
                </c:pt>
                <c:pt idx="61">
                  <c:v>0</c:v>
                </c:pt>
                <c:pt idx="62">
                  <c:v>0</c:v>
                </c:pt>
                <c:pt idx="63">
                  <c:v>0</c:v>
                </c:pt>
                <c:pt idx="64">
                  <c:v>0</c:v>
                </c:pt>
                <c:pt idx="65">
                  <c:v>0</c:v>
                </c:pt>
                <c:pt idx="66">
                  <c:v>0</c:v>
                </c:pt>
                <c:pt idx="67">
                  <c:v>0</c:v>
                </c:pt>
                <c:pt idx="68">
                  <c:v>0</c:v>
                </c:pt>
                <c:pt idx="69">
                  <c:v>0</c:v>
                </c:pt>
                <c:pt idx="70">
                  <c:v>0</c:v>
                </c:pt>
                <c:pt idx="71">
                  <c:v>0</c:v>
                </c:pt>
                <c:pt idx="72">
                  <c:v>0</c:v>
                </c:pt>
                <c:pt idx="73">
                  <c:v>0</c:v>
                </c:pt>
                <c:pt idx="74">
                  <c:v>0</c:v>
                </c:pt>
                <c:pt idx="75">
                  <c:v>0</c:v>
                </c:pt>
                <c:pt idx="76">
                  <c:v>0</c:v>
                </c:pt>
                <c:pt idx="77">
                  <c:v>0</c:v>
                </c:pt>
                <c:pt idx="78">
                  <c:v>0</c:v>
                </c:pt>
                <c:pt idx="79">
                  <c:v>0</c:v>
                </c:pt>
                <c:pt idx="80">
                  <c:v>0</c:v>
                </c:pt>
                <c:pt idx="81">
                  <c:v>0</c:v>
                </c:pt>
                <c:pt idx="82">
                  <c:v>0</c:v>
                </c:pt>
                <c:pt idx="83">
                  <c:v>0</c:v>
                </c:pt>
                <c:pt idx="84">
                  <c:v>0</c:v>
                </c:pt>
                <c:pt idx="85">
                  <c:v>0</c:v>
                </c:pt>
                <c:pt idx="86">
                  <c:v>0</c:v>
                </c:pt>
                <c:pt idx="87">
                  <c:v>0</c:v>
                </c:pt>
                <c:pt idx="88">
                  <c:v>0</c:v>
                </c:pt>
                <c:pt idx="89">
                  <c:v>0</c:v>
                </c:pt>
                <c:pt idx="90">
                  <c:v>0</c:v>
                </c:pt>
                <c:pt idx="91">
                  <c:v>0</c:v>
                </c:pt>
                <c:pt idx="92">
                  <c:v>0</c:v>
                </c:pt>
                <c:pt idx="93">
                  <c:v>0</c:v>
                </c:pt>
                <c:pt idx="94">
                  <c:v>0</c:v>
                </c:pt>
                <c:pt idx="95">
                  <c:v>0</c:v>
                </c:pt>
                <c:pt idx="96">
                  <c:v>0</c:v>
                </c:pt>
                <c:pt idx="97">
                  <c:v>0</c:v>
                </c:pt>
                <c:pt idx="98">
                  <c:v>0</c:v>
                </c:pt>
                <c:pt idx="99">
                  <c:v>0</c:v>
                </c:pt>
                <c:pt idx="100">
                  <c:v>0</c:v>
                </c:pt>
                <c:pt idx="101">
                  <c:v>0</c:v>
                </c:pt>
                <c:pt idx="102">
                  <c:v>0</c:v>
                </c:pt>
                <c:pt idx="103">
                  <c:v>0</c:v>
                </c:pt>
                <c:pt idx="104">
                  <c:v>0</c:v>
                </c:pt>
                <c:pt idx="105">
                  <c:v>0</c:v>
                </c:pt>
                <c:pt idx="106">
                  <c:v>0</c:v>
                </c:pt>
                <c:pt idx="107">
                  <c:v>0</c:v>
                </c:pt>
                <c:pt idx="108">
                  <c:v>0</c:v>
                </c:pt>
                <c:pt idx="109">
                  <c:v>0</c:v>
                </c:pt>
                <c:pt idx="110">
                  <c:v>0</c:v>
                </c:pt>
                <c:pt idx="111">
                  <c:v>0</c:v>
                </c:pt>
                <c:pt idx="112">
                  <c:v>0</c:v>
                </c:pt>
                <c:pt idx="113">
                  <c:v>0</c:v>
                </c:pt>
                <c:pt idx="114">
                  <c:v>0</c:v>
                </c:pt>
                <c:pt idx="115">
                  <c:v>0</c:v>
                </c:pt>
                <c:pt idx="116">
                  <c:v>0</c:v>
                </c:pt>
                <c:pt idx="117">
                  <c:v>0</c:v>
                </c:pt>
                <c:pt idx="118">
                  <c:v>0</c:v>
                </c:pt>
                <c:pt idx="119">
                  <c:v>0</c:v>
                </c:pt>
                <c:pt idx="120">
                  <c:v>0</c:v>
                </c:pt>
                <c:pt idx="121">
                  <c:v>0</c:v>
                </c:pt>
                <c:pt idx="122">
                  <c:v>0</c:v>
                </c:pt>
                <c:pt idx="123">
                  <c:v>0</c:v>
                </c:pt>
                <c:pt idx="124">
                  <c:v>0</c:v>
                </c:pt>
                <c:pt idx="125">
                  <c:v>0</c:v>
                </c:pt>
                <c:pt idx="126">
                  <c:v>0</c:v>
                </c:pt>
                <c:pt idx="127">
                  <c:v>0</c:v>
                </c:pt>
                <c:pt idx="128">
                  <c:v>0</c:v>
                </c:pt>
                <c:pt idx="129">
                  <c:v>0</c:v>
                </c:pt>
                <c:pt idx="130">
                  <c:v>0</c:v>
                </c:pt>
                <c:pt idx="131">
                  <c:v>0</c:v>
                </c:pt>
                <c:pt idx="132">
                  <c:v>0</c:v>
                </c:pt>
                <c:pt idx="133">
                  <c:v>0</c:v>
                </c:pt>
                <c:pt idx="134">
                  <c:v>0</c:v>
                </c:pt>
                <c:pt idx="135">
                  <c:v>0</c:v>
                </c:pt>
                <c:pt idx="136">
                  <c:v>0</c:v>
                </c:pt>
                <c:pt idx="137">
                  <c:v>0</c:v>
                </c:pt>
                <c:pt idx="138">
                  <c:v>0</c:v>
                </c:pt>
                <c:pt idx="139">
                  <c:v>0</c:v>
                </c:pt>
                <c:pt idx="140">
                  <c:v>0</c:v>
                </c:pt>
                <c:pt idx="141">
                  <c:v>0</c:v>
                </c:pt>
                <c:pt idx="142">
                  <c:v>0</c:v>
                </c:pt>
                <c:pt idx="143">
                  <c:v>0</c:v>
                </c:pt>
                <c:pt idx="144">
                  <c:v>0</c:v>
                </c:pt>
                <c:pt idx="145">
                  <c:v>0</c:v>
                </c:pt>
                <c:pt idx="146">
                  <c:v>0</c:v>
                </c:pt>
                <c:pt idx="147">
                  <c:v>0</c:v>
                </c:pt>
                <c:pt idx="148">
                  <c:v>0</c:v>
                </c:pt>
                <c:pt idx="149">
                  <c:v>0</c:v>
                </c:pt>
                <c:pt idx="150">
                  <c:v>0</c:v>
                </c:pt>
                <c:pt idx="151">
                  <c:v>0</c:v>
                </c:pt>
                <c:pt idx="152">
                  <c:v>0</c:v>
                </c:pt>
                <c:pt idx="153">
                  <c:v>0</c:v>
                </c:pt>
                <c:pt idx="154">
                  <c:v>0</c:v>
                </c:pt>
                <c:pt idx="155">
                  <c:v>0</c:v>
                </c:pt>
                <c:pt idx="156">
                  <c:v>0</c:v>
                </c:pt>
                <c:pt idx="157">
                  <c:v>0</c:v>
                </c:pt>
                <c:pt idx="158">
                  <c:v>0</c:v>
                </c:pt>
                <c:pt idx="159">
                  <c:v>0</c:v>
                </c:pt>
                <c:pt idx="160">
                  <c:v>0</c:v>
                </c:pt>
                <c:pt idx="161">
                  <c:v>0</c:v>
                </c:pt>
                <c:pt idx="162">
                  <c:v>0</c:v>
                </c:pt>
                <c:pt idx="163">
                  <c:v>0</c:v>
                </c:pt>
                <c:pt idx="164">
                  <c:v>0</c:v>
                </c:pt>
                <c:pt idx="165">
                  <c:v>0</c:v>
                </c:pt>
                <c:pt idx="166">
                  <c:v>0</c:v>
                </c:pt>
                <c:pt idx="167">
                  <c:v>0</c:v>
                </c:pt>
                <c:pt idx="168">
                  <c:v>0</c:v>
                </c:pt>
                <c:pt idx="169">
                  <c:v>0</c:v>
                </c:pt>
                <c:pt idx="170">
                  <c:v>0</c:v>
                </c:pt>
                <c:pt idx="171">
                  <c:v>0</c:v>
                </c:pt>
                <c:pt idx="172">
                  <c:v>0</c:v>
                </c:pt>
                <c:pt idx="173">
                  <c:v>0</c:v>
                </c:pt>
                <c:pt idx="174">
                  <c:v>0</c:v>
                </c:pt>
                <c:pt idx="175">
                  <c:v>0</c:v>
                </c:pt>
                <c:pt idx="176">
                  <c:v>0</c:v>
                </c:pt>
                <c:pt idx="177">
                  <c:v>0</c:v>
                </c:pt>
                <c:pt idx="178">
                  <c:v>0</c:v>
                </c:pt>
                <c:pt idx="179">
                  <c:v>0</c:v>
                </c:pt>
                <c:pt idx="180">
                  <c:v>0</c:v>
                </c:pt>
                <c:pt idx="181">
                  <c:v>0</c:v>
                </c:pt>
                <c:pt idx="182">
                  <c:v>0</c:v>
                </c:pt>
                <c:pt idx="183">
                  <c:v>0</c:v>
                </c:pt>
                <c:pt idx="184">
                  <c:v>0</c:v>
                </c:pt>
                <c:pt idx="185">
                  <c:v>0</c:v>
                </c:pt>
                <c:pt idx="186">
                  <c:v>0</c:v>
                </c:pt>
                <c:pt idx="187">
                  <c:v>0</c:v>
                </c:pt>
                <c:pt idx="188">
                  <c:v>0</c:v>
                </c:pt>
                <c:pt idx="189">
                  <c:v>0</c:v>
                </c:pt>
                <c:pt idx="190">
                  <c:v>0</c:v>
                </c:pt>
                <c:pt idx="191">
                  <c:v>0</c:v>
                </c:pt>
                <c:pt idx="192">
                  <c:v>0</c:v>
                </c:pt>
                <c:pt idx="193">
                  <c:v>0</c:v>
                </c:pt>
                <c:pt idx="194">
                  <c:v>0</c:v>
                </c:pt>
                <c:pt idx="195">
                  <c:v>0</c:v>
                </c:pt>
                <c:pt idx="196">
                  <c:v>0</c:v>
                </c:pt>
                <c:pt idx="197">
                  <c:v>0</c:v>
                </c:pt>
                <c:pt idx="198">
                  <c:v>0</c:v>
                </c:pt>
                <c:pt idx="199">
                  <c:v>0</c:v>
                </c:pt>
                <c:pt idx="200">
                  <c:v>0</c:v>
                </c:pt>
                <c:pt idx="201">
                  <c:v>0</c:v>
                </c:pt>
                <c:pt idx="202">
                  <c:v>0</c:v>
                </c:pt>
                <c:pt idx="203">
                  <c:v>0</c:v>
                </c:pt>
                <c:pt idx="204">
                  <c:v>0</c:v>
                </c:pt>
                <c:pt idx="205">
                  <c:v>0</c:v>
                </c:pt>
                <c:pt idx="206">
                  <c:v>0</c:v>
                </c:pt>
                <c:pt idx="207">
                  <c:v>0</c:v>
                </c:pt>
                <c:pt idx="208">
                  <c:v>0</c:v>
                </c:pt>
                <c:pt idx="209">
                  <c:v>0</c:v>
                </c:pt>
                <c:pt idx="210">
                  <c:v>0</c:v>
                </c:pt>
                <c:pt idx="211">
                  <c:v>0</c:v>
                </c:pt>
                <c:pt idx="212">
                  <c:v>0</c:v>
                </c:pt>
                <c:pt idx="213">
                  <c:v>0</c:v>
                </c:pt>
                <c:pt idx="214">
                  <c:v>0</c:v>
                </c:pt>
                <c:pt idx="215">
                  <c:v>0</c:v>
                </c:pt>
                <c:pt idx="216">
                  <c:v>0</c:v>
                </c:pt>
                <c:pt idx="217">
                  <c:v>0</c:v>
                </c:pt>
                <c:pt idx="218">
                  <c:v>0</c:v>
                </c:pt>
                <c:pt idx="219">
                  <c:v>0</c:v>
                </c:pt>
                <c:pt idx="220">
                  <c:v>0</c:v>
                </c:pt>
                <c:pt idx="221">
                  <c:v>0</c:v>
                </c:pt>
                <c:pt idx="222">
                  <c:v>0</c:v>
                </c:pt>
                <c:pt idx="223">
                  <c:v>0</c:v>
                </c:pt>
                <c:pt idx="224">
                  <c:v>0</c:v>
                </c:pt>
                <c:pt idx="225">
                  <c:v>0</c:v>
                </c:pt>
                <c:pt idx="226">
                  <c:v>0</c:v>
                </c:pt>
                <c:pt idx="227">
                  <c:v>0</c:v>
                </c:pt>
                <c:pt idx="228">
                  <c:v>0</c:v>
                </c:pt>
                <c:pt idx="229">
                  <c:v>0</c:v>
                </c:pt>
                <c:pt idx="230">
                  <c:v>0</c:v>
                </c:pt>
                <c:pt idx="231">
                  <c:v>0</c:v>
                </c:pt>
                <c:pt idx="232">
                  <c:v>0</c:v>
                </c:pt>
                <c:pt idx="233">
                  <c:v>0</c:v>
                </c:pt>
                <c:pt idx="234">
                  <c:v>0</c:v>
                </c:pt>
                <c:pt idx="235">
                  <c:v>0</c:v>
                </c:pt>
                <c:pt idx="236">
                  <c:v>0</c:v>
                </c:pt>
                <c:pt idx="237">
                  <c:v>0</c:v>
                </c:pt>
                <c:pt idx="238">
                  <c:v>0</c:v>
                </c:pt>
                <c:pt idx="239">
                  <c:v>0</c:v>
                </c:pt>
                <c:pt idx="240">
                  <c:v>0</c:v>
                </c:pt>
                <c:pt idx="241">
                  <c:v>0</c:v>
                </c:pt>
                <c:pt idx="242">
                  <c:v>0</c:v>
                </c:pt>
                <c:pt idx="243">
                  <c:v>0</c:v>
                </c:pt>
                <c:pt idx="244">
                  <c:v>0</c:v>
                </c:pt>
                <c:pt idx="245">
                  <c:v>0</c:v>
                </c:pt>
                <c:pt idx="246">
                  <c:v>0</c:v>
                </c:pt>
                <c:pt idx="247">
                  <c:v>0</c:v>
                </c:pt>
                <c:pt idx="248">
                  <c:v>0</c:v>
                </c:pt>
                <c:pt idx="249">
                  <c:v>0</c:v>
                </c:pt>
                <c:pt idx="250">
                  <c:v>0</c:v>
                </c:pt>
                <c:pt idx="251">
                  <c:v>0</c:v>
                </c:pt>
                <c:pt idx="252">
                  <c:v>0</c:v>
                </c:pt>
                <c:pt idx="253">
                  <c:v>0</c:v>
                </c:pt>
                <c:pt idx="254">
                  <c:v>0</c:v>
                </c:pt>
                <c:pt idx="255">
                  <c:v>0</c:v>
                </c:pt>
                <c:pt idx="256">
                  <c:v>0</c:v>
                </c:pt>
                <c:pt idx="257">
                  <c:v>0</c:v>
                </c:pt>
                <c:pt idx="258">
                  <c:v>0</c:v>
                </c:pt>
                <c:pt idx="259">
                  <c:v>0</c:v>
                </c:pt>
                <c:pt idx="260">
                  <c:v>0</c:v>
                </c:pt>
                <c:pt idx="261">
                  <c:v>0</c:v>
                </c:pt>
                <c:pt idx="262">
                  <c:v>0</c:v>
                </c:pt>
                <c:pt idx="263">
                  <c:v>0</c:v>
                </c:pt>
                <c:pt idx="264">
                  <c:v>0</c:v>
                </c:pt>
                <c:pt idx="265">
                  <c:v>0</c:v>
                </c:pt>
                <c:pt idx="266">
                  <c:v>0</c:v>
                </c:pt>
                <c:pt idx="267">
                  <c:v>0</c:v>
                </c:pt>
                <c:pt idx="268">
                  <c:v>0</c:v>
                </c:pt>
                <c:pt idx="269">
                  <c:v>0</c:v>
                </c:pt>
                <c:pt idx="270">
                  <c:v>0</c:v>
                </c:pt>
                <c:pt idx="271">
                  <c:v>0</c:v>
                </c:pt>
                <c:pt idx="272">
                  <c:v>0</c:v>
                </c:pt>
                <c:pt idx="273">
                  <c:v>0</c:v>
                </c:pt>
                <c:pt idx="274">
                  <c:v>0</c:v>
                </c:pt>
                <c:pt idx="275">
                  <c:v>0</c:v>
                </c:pt>
                <c:pt idx="276">
                  <c:v>0</c:v>
                </c:pt>
                <c:pt idx="277">
                  <c:v>0</c:v>
                </c:pt>
                <c:pt idx="278">
                  <c:v>0</c:v>
                </c:pt>
                <c:pt idx="279">
                  <c:v>0</c:v>
                </c:pt>
                <c:pt idx="280">
                  <c:v>0</c:v>
                </c:pt>
                <c:pt idx="281">
                  <c:v>0</c:v>
                </c:pt>
                <c:pt idx="282">
                  <c:v>0</c:v>
                </c:pt>
                <c:pt idx="283">
                  <c:v>0</c:v>
                </c:pt>
                <c:pt idx="284">
                  <c:v>0</c:v>
                </c:pt>
                <c:pt idx="285">
                  <c:v>0</c:v>
                </c:pt>
                <c:pt idx="286">
                  <c:v>0</c:v>
                </c:pt>
                <c:pt idx="287">
                  <c:v>0</c:v>
                </c:pt>
                <c:pt idx="288">
                  <c:v>0</c:v>
                </c:pt>
                <c:pt idx="289">
                  <c:v>0</c:v>
                </c:pt>
                <c:pt idx="290">
                  <c:v>0</c:v>
                </c:pt>
                <c:pt idx="291">
                  <c:v>0</c:v>
                </c:pt>
                <c:pt idx="292">
                  <c:v>0</c:v>
                </c:pt>
                <c:pt idx="293">
                  <c:v>0</c:v>
                </c:pt>
                <c:pt idx="294">
                  <c:v>0</c:v>
                </c:pt>
                <c:pt idx="295">
                  <c:v>0</c:v>
                </c:pt>
                <c:pt idx="296">
                  <c:v>0</c:v>
                </c:pt>
                <c:pt idx="297">
                  <c:v>0</c:v>
                </c:pt>
                <c:pt idx="298">
                  <c:v>0</c:v>
                </c:pt>
                <c:pt idx="299">
                  <c:v>0</c:v>
                </c:pt>
                <c:pt idx="300">
                  <c:v>0</c:v>
                </c:pt>
                <c:pt idx="301">
                  <c:v>0</c:v>
                </c:pt>
                <c:pt idx="302">
                  <c:v>0</c:v>
                </c:pt>
                <c:pt idx="303">
                  <c:v>0</c:v>
                </c:pt>
                <c:pt idx="304">
                  <c:v>0</c:v>
                </c:pt>
                <c:pt idx="305">
                  <c:v>0</c:v>
                </c:pt>
                <c:pt idx="306">
                  <c:v>0</c:v>
                </c:pt>
                <c:pt idx="307">
                  <c:v>0</c:v>
                </c:pt>
                <c:pt idx="308">
                  <c:v>0</c:v>
                </c:pt>
                <c:pt idx="309">
                  <c:v>0</c:v>
                </c:pt>
                <c:pt idx="310">
                  <c:v>0</c:v>
                </c:pt>
                <c:pt idx="311">
                  <c:v>0</c:v>
                </c:pt>
                <c:pt idx="312">
                  <c:v>0</c:v>
                </c:pt>
                <c:pt idx="313">
                  <c:v>0</c:v>
                </c:pt>
                <c:pt idx="314">
                  <c:v>0</c:v>
                </c:pt>
                <c:pt idx="315">
                  <c:v>0</c:v>
                </c:pt>
                <c:pt idx="316">
                  <c:v>0</c:v>
                </c:pt>
                <c:pt idx="317">
                  <c:v>0</c:v>
                </c:pt>
                <c:pt idx="318">
                  <c:v>0</c:v>
                </c:pt>
                <c:pt idx="319">
                  <c:v>0</c:v>
                </c:pt>
                <c:pt idx="320">
                  <c:v>0</c:v>
                </c:pt>
                <c:pt idx="321">
                  <c:v>0</c:v>
                </c:pt>
                <c:pt idx="322">
                  <c:v>0</c:v>
                </c:pt>
                <c:pt idx="323">
                  <c:v>0</c:v>
                </c:pt>
                <c:pt idx="324">
                  <c:v>0</c:v>
                </c:pt>
                <c:pt idx="325">
                  <c:v>0</c:v>
                </c:pt>
                <c:pt idx="326">
                  <c:v>0</c:v>
                </c:pt>
                <c:pt idx="327">
                  <c:v>0</c:v>
                </c:pt>
                <c:pt idx="328">
                  <c:v>0</c:v>
                </c:pt>
                <c:pt idx="329">
                  <c:v>0</c:v>
                </c:pt>
                <c:pt idx="330">
                  <c:v>0</c:v>
                </c:pt>
                <c:pt idx="331">
                  <c:v>0</c:v>
                </c:pt>
                <c:pt idx="332">
                  <c:v>0</c:v>
                </c:pt>
                <c:pt idx="333">
                  <c:v>0</c:v>
                </c:pt>
                <c:pt idx="334">
                  <c:v>0</c:v>
                </c:pt>
                <c:pt idx="335">
                  <c:v>0</c:v>
                </c:pt>
                <c:pt idx="336">
                  <c:v>0</c:v>
                </c:pt>
                <c:pt idx="337">
                  <c:v>0</c:v>
                </c:pt>
                <c:pt idx="338">
                  <c:v>0</c:v>
                </c:pt>
                <c:pt idx="339">
                  <c:v>0</c:v>
                </c:pt>
                <c:pt idx="340">
                  <c:v>0</c:v>
                </c:pt>
                <c:pt idx="341">
                  <c:v>0</c:v>
                </c:pt>
                <c:pt idx="342">
                  <c:v>0</c:v>
                </c:pt>
                <c:pt idx="343">
                  <c:v>0</c:v>
                </c:pt>
                <c:pt idx="344">
                  <c:v>0</c:v>
                </c:pt>
                <c:pt idx="345">
                  <c:v>0</c:v>
                </c:pt>
                <c:pt idx="346">
                  <c:v>0</c:v>
                </c:pt>
                <c:pt idx="347">
                  <c:v>0</c:v>
                </c:pt>
                <c:pt idx="348">
                  <c:v>0</c:v>
                </c:pt>
                <c:pt idx="349">
                  <c:v>0</c:v>
                </c:pt>
                <c:pt idx="350">
                  <c:v>0</c:v>
                </c:pt>
                <c:pt idx="351">
                  <c:v>0</c:v>
                </c:pt>
                <c:pt idx="352">
                  <c:v>0</c:v>
                </c:pt>
                <c:pt idx="353">
                  <c:v>0</c:v>
                </c:pt>
                <c:pt idx="354">
                  <c:v>0</c:v>
                </c:pt>
                <c:pt idx="355">
                  <c:v>0</c:v>
                </c:pt>
                <c:pt idx="356">
                  <c:v>0</c:v>
                </c:pt>
                <c:pt idx="357">
                  <c:v>0</c:v>
                </c:pt>
                <c:pt idx="358">
                  <c:v>0</c:v>
                </c:pt>
                <c:pt idx="359">
                  <c:v>0</c:v>
                </c:pt>
                <c:pt idx="360">
                  <c:v>0</c:v>
                </c:pt>
                <c:pt idx="361">
                  <c:v>0</c:v>
                </c:pt>
                <c:pt idx="362">
                  <c:v>0</c:v>
                </c:pt>
                <c:pt idx="363">
                  <c:v>0</c:v>
                </c:pt>
                <c:pt idx="364">
                  <c:v>0</c:v>
                </c:pt>
                <c:pt idx="365">
                  <c:v>0</c:v>
                </c:pt>
                <c:pt idx="366">
                  <c:v>0</c:v>
                </c:pt>
                <c:pt idx="367">
                  <c:v>0</c:v>
                </c:pt>
                <c:pt idx="368">
                  <c:v>0</c:v>
                </c:pt>
                <c:pt idx="369">
                  <c:v>0</c:v>
                </c:pt>
                <c:pt idx="370">
                  <c:v>0</c:v>
                </c:pt>
                <c:pt idx="371">
                  <c:v>0</c:v>
                </c:pt>
                <c:pt idx="372">
                  <c:v>0</c:v>
                </c:pt>
                <c:pt idx="373">
                  <c:v>0</c:v>
                </c:pt>
                <c:pt idx="374">
                  <c:v>0</c:v>
                </c:pt>
                <c:pt idx="375">
                  <c:v>0</c:v>
                </c:pt>
                <c:pt idx="376">
                  <c:v>0</c:v>
                </c:pt>
                <c:pt idx="377">
                  <c:v>0</c:v>
                </c:pt>
                <c:pt idx="378">
                  <c:v>0</c:v>
                </c:pt>
                <c:pt idx="379">
                  <c:v>0</c:v>
                </c:pt>
                <c:pt idx="380">
                  <c:v>0</c:v>
                </c:pt>
                <c:pt idx="381">
                  <c:v>0</c:v>
                </c:pt>
                <c:pt idx="382">
                  <c:v>0</c:v>
                </c:pt>
                <c:pt idx="383">
                  <c:v>0</c:v>
                </c:pt>
                <c:pt idx="384">
                  <c:v>0</c:v>
                </c:pt>
                <c:pt idx="385">
                  <c:v>0</c:v>
                </c:pt>
                <c:pt idx="386">
                  <c:v>0</c:v>
                </c:pt>
                <c:pt idx="387">
                  <c:v>0</c:v>
                </c:pt>
                <c:pt idx="388">
                  <c:v>0</c:v>
                </c:pt>
                <c:pt idx="389">
                  <c:v>0</c:v>
                </c:pt>
                <c:pt idx="390">
                  <c:v>0</c:v>
                </c:pt>
                <c:pt idx="391">
                  <c:v>0</c:v>
                </c:pt>
                <c:pt idx="392">
                  <c:v>0</c:v>
                </c:pt>
                <c:pt idx="393">
                  <c:v>0</c:v>
                </c:pt>
                <c:pt idx="394">
                  <c:v>0</c:v>
                </c:pt>
                <c:pt idx="395">
                  <c:v>0</c:v>
                </c:pt>
                <c:pt idx="396">
                  <c:v>0</c:v>
                </c:pt>
                <c:pt idx="397">
                  <c:v>0</c:v>
                </c:pt>
                <c:pt idx="398">
                  <c:v>0</c:v>
                </c:pt>
                <c:pt idx="399">
                  <c:v>0</c:v>
                </c:pt>
                <c:pt idx="400">
                  <c:v>0</c:v>
                </c:pt>
                <c:pt idx="401">
                  <c:v>0</c:v>
                </c:pt>
                <c:pt idx="402">
                  <c:v>0</c:v>
                </c:pt>
                <c:pt idx="403">
                  <c:v>0</c:v>
                </c:pt>
                <c:pt idx="404">
                  <c:v>0</c:v>
                </c:pt>
                <c:pt idx="405">
                  <c:v>0</c:v>
                </c:pt>
                <c:pt idx="406">
                  <c:v>0</c:v>
                </c:pt>
                <c:pt idx="407">
                  <c:v>0</c:v>
                </c:pt>
                <c:pt idx="408">
                  <c:v>0</c:v>
                </c:pt>
                <c:pt idx="409">
                  <c:v>0</c:v>
                </c:pt>
                <c:pt idx="410">
                  <c:v>0</c:v>
                </c:pt>
                <c:pt idx="411">
                  <c:v>0</c:v>
                </c:pt>
                <c:pt idx="412">
                  <c:v>0</c:v>
                </c:pt>
                <c:pt idx="413">
                  <c:v>0</c:v>
                </c:pt>
                <c:pt idx="414">
                  <c:v>0</c:v>
                </c:pt>
                <c:pt idx="415">
                  <c:v>0</c:v>
                </c:pt>
                <c:pt idx="416">
                  <c:v>0</c:v>
                </c:pt>
                <c:pt idx="417">
                  <c:v>0</c:v>
                </c:pt>
                <c:pt idx="418">
                  <c:v>0</c:v>
                </c:pt>
                <c:pt idx="419">
                  <c:v>0</c:v>
                </c:pt>
                <c:pt idx="420">
                  <c:v>0</c:v>
                </c:pt>
                <c:pt idx="421">
                  <c:v>0</c:v>
                </c:pt>
                <c:pt idx="422">
                  <c:v>0.2648824626593097</c:v>
                </c:pt>
                <c:pt idx="423">
                  <c:v>0.25478043724741417</c:v>
                </c:pt>
                <c:pt idx="424">
                  <c:v>0.23974875315623628</c:v>
                </c:pt>
                <c:pt idx="425">
                  <c:v>0.22558481667744829</c:v>
                </c:pt>
                <c:pt idx="426">
                  <c:v>0.21120176957909892</c:v>
                </c:pt>
                <c:pt idx="427">
                  <c:v>0.19696479622712382</c:v>
                </c:pt>
                <c:pt idx="428">
                  <c:v>0.18315908822158694</c:v>
                </c:pt>
                <c:pt idx="429">
                  <c:v>0.17002497165473732</c:v>
                </c:pt>
                <c:pt idx="430">
                  <c:v>0.15741272093654141</c:v>
                </c:pt>
                <c:pt idx="431">
                  <c:v>0.14460414014732581</c:v>
                </c:pt>
                <c:pt idx="432">
                  <c:v>0.13229568804212488</c:v>
                </c:pt>
                <c:pt idx="433">
                  <c:v>0.12083063792491811</c:v>
                </c:pt>
                <c:pt idx="434">
                  <c:v>0.1090191843520238</c:v>
                </c:pt>
                <c:pt idx="435">
                  <c:v>9.7365281748433188E-2</c:v>
                </c:pt>
                <c:pt idx="436">
                  <c:v>8.6350277887912746E-2</c:v>
                </c:pt>
                <c:pt idx="437">
                  <c:v>7.597782461412185E-2</c:v>
                </c:pt>
                <c:pt idx="438">
                  <c:v>6.5952470385286899E-2</c:v>
                </c:pt>
                <c:pt idx="439">
                  <c:v>5.5964330182313955E-2</c:v>
                </c:pt>
                <c:pt idx="440">
                  <c:v>4.6013056210568788E-2</c:v>
                </c:pt>
                <c:pt idx="441">
                  <c:v>3.1382867851645041E-2</c:v>
                </c:pt>
                <c:pt idx="442">
                  <c:v>2.5023632936451556E-2</c:v>
                </c:pt>
                <c:pt idx="443">
                  <c:v>2.6000177842540512E-2</c:v>
                </c:pt>
                <c:pt idx="444">
                  <c:v>2.0890500211389555E-2</c:v>
                </c:pt>
                <c:pt idx="445">
                  <c:v>1.4597616606917748E-2</c:v>
                </c:pt>
                <c:pt idx="446">
                  <c:v>1.1657090897617198E-2</c:v>
                </c:pt>
                <c:pt idx="447">
                  <c:v>1.2443787710873046E-2</c:v>
                </c:pt>
                <c:pt idx="448">
                  <c:v>1.3476792982677564E-2</c:v>
                </c:pt>
                <c:pt idx="449">
                  <c:v>1.3315568151178066E-2</c:v>
                </c:pt>
                <c:pt idx="450">
                  <c:v>1.3041913511074055E-2</c:v>
                </c:pt>
                <c:pt idx="451">
                  <c:v>1.2627487651381724E-2</c:v>
                </c:pt>
                <c:pt idx="452">
                  <c:v>1.1940835802571834E-2</c:v>
                </c:pt>
                <c:pt idx="453">
                  <c:v>1.1457522104855539E-2</c:v>
                </c:pt>
                <c:pt idx="454">
                  <c:v>1.0322219988808787E-2</c:v>
                </c:pt>
                <c:pt idx="455">
                  <c:v>8.0714238432514733E-3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F1B1-4E02-8561-C33805E31931}"/>
            </c:ext>
          </c:extLst>
        </c:ser>
        <c:ser>
          <c:idx val="0"/>
          <c:order val="4"/>
          <c:tx>
            <c:strRef>
              <c:f>'Quad dipole'!$F$1</c:f>
              <c:strCache>
                <c:ptCount val="1"/>
                <c:pt idx="0">
                  <c:v>Quad/Dipole</c:v>
                </c:pt>
              </c:strCache>
            </c:strRef>
          </c:tx>
          <c:spPr>
            <a:ln w="12700" cap="rnd">
              <a:solidFill>
                <a:schemeClr val="accent1">
                  <a:alpha val="99000"/>
                </a:schemeClr>
              </a:solidFill>
              <a:round/>
            </a:ln>
            <a:effectLst/>
          </c:spPr>
          <c:marker>
            <c:symbol val="none"/>
          </c:marker>
          <c:xVal>
            <c:numRef>
              <c:f>'Quad dipole'!$E$2:$E$175</c:f>
              <c:numCache>
                <c:formatCode>General</c:formatCode>
                <c:ptCount val="174"/>
                <c:pt idx="0">
                  <c:v>0</c:v>
                </c:pt>
                <c:pt idx="1">
                  <c:v>0.1</c:v>
                </c:pt>
                <c:pt idx="2">
                  <c:v>0.1</c:v>
                </c:pt>
                <c:pt idx="3">
                  <c:v>2.2000000000000002</c:v>
                </c:pt>
                <c:pt idx="4">
                  <c:v>2.2000000000000002</c:v>
                </c:pt>
                <c:pt idx="5">
                  <c:v>2.2000000000000002</c:v>
                </c:pt>
                <c:pt idx="6">
                  <c:v>2.2000000000000002</c:v>
                </c:pt>
                <c:pt idx="7">
                  <c:v>4.3000000000000007</c:v>
                </c:pt>
                <c:pt idx="8">
                  <c:v>4.3000000000000007</c:v>
                </c:pt>
                <c:pt idx="9">
                  <c:v>4.4000000000000004</c:v>
                </c:pt>
                <c:pt idx="10">
                  <c:v>4.4000000000000004</c:v>
                </c:pt>
                <c:pt idx="11">
                  <c:v>4.66</c:v>
                </c:pt>
                <c:pt idx="12">
                  <c:v>4.66</c:v>
                </c:pt>
                <c:pt idx="13">
                  <c:v>4.76</c:v>
                </c:pt>
                <c:pt idx="14">
                  <c:v>4.76</c:v>
                </c:pt>
                <c:pt idx="15">
                  <c:v>8.2390000000000008</c:v>
                </c:pt>
                <c:pt idx="16">
                  <c:v>8.2390000000000008</c:v>
                </c:pt>
                <c:pt idx="17">
                  <c:v>8.3390000000000004</c:v>
                </c:pt>
                <c:pt idx="18">
                  <c:v>8.3390000000000004</c:v>
                </c:pt>
                <c:pt idx="19">
                  <c:v>8.5990000000000002</c:v>
                </c:pt>
                <c:pt idx="20">
                  <c:v>8.5990000000000002</c:v>
                </c:pt>
                <c:pt idx="21">
                  <c:v>8.6989999999999998</c:v>
                </c:pt>
                <c:pt idx="22">
                  <c:v>8.6989999999999998</c:v>
                </c:pt>
                <c:pt idx="23">
                  <c:v>12.199</c:v>
                </c:pt>
                <c:pt idx="24">
                  <c:v>12.199</c:v>
                </c:pt>
                <c:pt idx="25">
                  <c:v>12.199</c:v>
                </c:pt>
                <c:pt idx="26">
                  <c:v>12.199</c:v>
                </c:pt>
                <c:pt idx="27">
                  <c:v>12.859</c:v>
                </c:pt>
                <c:pt idx="28">
                  <c:v>12.859</c:v>
                </c:pt>
                <c:pt idx="29">
                  <c:v>13.042999999999999</c:v>
                </c:pt>
                <c:pt idx="30">
                  <c:v>13.042999999999999</c:v>
                </c:pt>
                <c:pt idx="31">
                  <c:v>13.142999999999999</c:v>
                </c:pt>
                <c:pt idx="32">
                  <c:v>13.142999999999999</c:v>
                </c:pt>
                <c:pt idx="33">
                  <c:v>13.326999999999998</c:v>
                </c:pt>
                <c:pt idx="34">
                  <c:v>13.326999999999998</c:v>
                </c:pt>
                <c:pt idx="35">
                  <c:v>13.476999999999999</c:v>
                </c:pt>
                <c:pt idx="36">
                  <c:v>13.476999999999999</c:v>
                </c:pt>
                <c:pt idx="37">
                  <c:v>13.660999999999998</c:v>
                </c:pt>
                <c:pt idx="38">
                  <c:v>13.660999999999998</c:v>
                </c:pt>
                <c:pt idx="39">
                  <c:v>13.760999999999997</c:v>
                </c:pt>
                <c:pt idx="40">
                  <c:v>13.760999999999997</c:v>
                </c:pt>
                <c:pt idx="41">
                  <c:v>13.944999999999997</c:v>
                </c:pt>
                <c:pt idx="42">
                  <c:v>13.944999999999997</c:v>
                </c:pt>
                <c:pt idx="43">
                  <c:v>14.604999999999997</c:v>
                </c:pt>
                <c:pt idx="44">
                  <c:v>14.604999999999997</c:v>
                </c:pt>
                <c:pt idx="45">
                  <c:v>14.788999999999996</c:v>
                </c:pt>
                <c:pt idx="46">
                  <c:v>14.788999999999996</c:v>
                </c:pt>
                <c:pt idx="47">
                  <c:v>14.888999999999996</c:v>
                </c:pt>
                <c:pt idx="48">
                  <c:v>14.888999999999996</c:v>
                </c:pt>
                <c:pt idx="49">
                  <c:v>15.072999999999995</c:v>
                </c:pt>
                <c:pt idx="50">
                  <c:v>15.072999999999995</c:v>
                </c:pt>
                <c:pt idx="51">
                  <c:v>15.732999999999995</c:v>
                </c:pt>
                <c:pt idx="52">
                  <c:v>15.732999999999995</c:v>
                </c:pt>
                <c:pt idx="53">
                  <c:v>15.916999999999994</c:v>
                </c:pt>
                <c:pt idx="54">
                  <c:v>15.916999999999994</c:v>
                </c:pt>
                <c:pt idx="55">
                  <c:v>16.016999999999996</c:v>
                </c:pt>
                <c:pt idx="56">
                  <c:v>16.016999999999996</c:v>
                </c:pt>
                <c:pt idx="57">
                  <c:v>16.200999999999997</c:v>
                </c:pt>
                <c:pt idx="58">
                  <c:v>16.200999999999997</c:v>
                </c:pt>
                <c:pt idx="59">
                  <c:v>16.275999999999996</c:v>
                </c:pt>
                <c:pt idx="60">
                  <c:v>16.275999999999996</c:v>
                </c:pt>
                <c:pt idx="61">
                  <c:v>16.275999999999996</c:v>
                </c:pt>
                <c:pt idx="62">
                  <c:v>16.275999999999996</c:v>
                </c:pt>
                <c:pt idx="63">
                  <c:v>16.350999999999996</c:v>
                </c:pt>
                <c:pt idx="64">
                  <c:v>16.350999999999996</c:v>
                </c:pt>
                <c:pt idx="65">
                  <c:v>16.534999999999997</c:v>
                </c:pt>
                <c:pt idx="66">
                  <c:v>16.534999999999997</c:v>
                </c:pt>
                <c:pt idx="67">
                  <c:v>16.634999999999998</c:v>
                </c:pt>
                <c:pt idx="68">
                  <c:v>16.634999999999998</c:v>
                </c:pt>
                <c:pt idx="69">
                  <c:v>16.818999999999999</c:v>
                </c:pt>
                <c:pt idx="70">
                  <c:v>16.818999999999999</c:v>
                </c:pt>
                <c:pt idx="71">
                  <c:v>17.478999999999999</c:v>
                </c:pt>
                <c:pt idx="72">
                  <c:v>17.478999999999999</c:v>
                </c:pt>
                <c:pt idx="73">
                  <c:v>17.663</c:v>
                </c:pt>
                <c:pt idx="74">
                  <c:v>17.663</c:v>
                </c:pt>
                <c:pt idx="75">
                  <c:v>17.763000000000002</c:v>
                </c:pt>
                <c:pt idx="76">
                  <c:v>17.763000000000002</c:v>
                </c:pt>
                <c:pt idx="77">
                  <c:v>17.947000000000003</c:v>
                </c:pt>
                <c:pt idx="78">
                  <c:v>17.947000000000003</c:v>
                </c:pt>
                <c:pt idx="79">
                  <c:v>18.607000000000003</c:v>
                </c:pt>
                <c:pt idx="80">
                  <c:v>18.607000000000003</c:v>
                </c:pt>
                <c:pt idx="81">
                  <c:v>18.791000000000004</c:v>
                </c:pt>
                <c:pt idx="82">
                  <c:v>18.791000000000004</c:v>
                </c:pt>
                <c:pt idx="83">
                  <c:v>18.891000000000005</c:v>
                </c:pt>
                <c:pt idx="84">
                  <c:v>18.891000000000005</c:v>
                </c:pt>
                <c:pt idx="85">
                  <c:v>19.075000000000006</c:v>
                </c:pt>
                <c:pt idx="86">
                  <c:v>19.075000000000006</c:v>
                </c:pt>
                <c:pt idx="87">
                  <c:v>19.225000000000005</c:v>
                </c:pt>
                <c:pt idx="88">
                  <c:v>19.225000000000005</c:v>
                </c:pt>
                <c:pt idx="89">
                  <c:v>19.409000000000006</c:v>
                </c:pt>
                <c:pt idx="90">
                  <c:v>19.409000000000006</c:v>
                </c:pt>
                <c:pt idx="91">
                  <c:v>19.509000000000007</c:v>
                </c:pt>
                <c:pt idx="92">
                  <c:v>19.509000000000007</c:v>
                </c:pt>
                <c:pt idx="93">
                  <c:v>19.693000000000008</c:v>
                </c:pt>
                <c:pt idx="94">
                  <c:v>19.693000000000008</c:v>
                </c:pt>
                <c:pt idx="95">
                  <c:v>20.353000000000009</c:v>
                </c:pt>
                <c:pt idx="96">
                  <c:v>20.353000000000009</c:v>
                </c:pt>
                <c:pt idx="97">
                  <c:v>20.353000000000009</c:v>
                </c:pt>
                <c:pt idx="98">
                  <c:v>20.353000000000009</c:v>
                </c:pt>
                <c:pt idx="99">
                  <c:v>21.318000000000008</c:v>
                </c:pt>
                <c:pt idx="100">
                  <c:v>21.318000000000008</c:v>
                </c:pt>
                <c:pt idx="101">
                  <c:v>21.41800000000001</c:v>
                </c:pt>
                <c:pt idx="102">
                  <c:v>21.41800000000001</c:v>
                </c:pt>
                <c:pt idx="103">
                  <c:v>22.16800000000001</c:v>
                </c:pt>
                <c:pt idx="104">
                  <c:v>22.16800000000001</c:v>
                </c:pt>
                <c:pt idx="105">
                  <c:v>22.268000000000011</c:v>
                </c:pt>
                <c:pt idx="106">
                  <c:v>22.268000000000011</c:v>
                </c:pt>
                <c:pt idx="107">
                  <c:v>23.018000000000011</c:v>
                </c:pt>
                <c:pt idx="108">
                  <c:v>23.018000000000011</c:v>
                </c:pt>
                <c:pt idx="109">
                  <c:v>23.118000000000013</c:v>
                </c:pt>
                <c:pt idx="110">
                  <c:v>23.118000000000013</c:v>
                </c:pt>
                <c:pt idx="111">
                  <c:v>23.868000000000013</c:v>
                </c:pt>
                <c:pt idx="112">
                  <c:v>23.868000000000013</c:v>
                </c:pt>
                <c:pt idx="113">
                  <c:v>23.968000000000014</c:v>
                </c:pt>
                <c:pt idx="114">
                  <c:v>23.968000000000014</c:v>
                </c:pt>
                <c:pt idx="115">
                  <c:v>24.268000000000015</c:v>
                </c:pt>
                <c:pt idx="116">
                  <c:v>24.268000000000015</c:v>
                </c:pt>
                <c:pt idx="117">
                  <c:v>24.600000000000016</c:v>
                </c:pt>
                <c:pt idx="118">
                  <c:v>24.600000000000016</c:v>
                </c:pt>
                <c:pt idx="119">
                  <c:v>25.189000000000014</c:v>
                </c:pt>
                <c:pt idx="120">
                  <c:v>25.189000000000014</c:v>
                </c:pt>
                <c:pt idx="121">
                  <c:v>25.521000000000015</c:v>
                </c:pt>
                <c:pt idx="122">
                  <c:v>25.521000000000015</c:v>
                </c:pt>
                <c:pt idx="123">
                  <c:v>25.621000000000016</c:v>
                </c:pt>
                <c:pt idx="124">
                  <c:v>25.621000000000016</c:v>
                </c:pt>
                <c:pt idx="125">
                  <c:v>25.953000000000017</c:v>
                </c:pt>
                <c:pt idx="126">
                  <c:v>25.953000000000017</c:v>
                </c:pt>
                <c:pt idx="127">
                  <c:v>26.542000000000016</c:v>
                </c:pt>
                <c:pt idx="128">
                  <c:v>26.542000000000016</c:v>
                </c:pt>
                <c:pt idx="129">
                  <c:v>26.874000000000017</c:v>
                </c:pt>
                <c:pt idx="130">
                  <c:v>26.874000000000017</c:v>
                </c:pt>
                <c:pt idx="131">
                  <c:v>26.874000000000017</c:v>
                </c:pt>
                <c:pt idx="132">
                  <c:v>26.874000000000017</c:v>
                </c:pt>
                <c:pt idx="133">
                  <c:v>27.474000000000018</c:v>
                </c:pt>
                <c:pt idx="134">
                  <c:v>27.474000000000018</c:v>
                </c:pt>
                <c:pt idx="135">
                  <c:v>27.624000000000017</c:v>
                </c:pt>
                <c:pt idx="136">
                  <c:v>27.624000000000017</c:v>
                </c:pt>
                <c:pt idx="137">
                  <c:v>27.724000000000018</c:v>
                </c:pt>
                <c:pt idx="138">
                  <c:v>27.724000000000018</c:v>
                </c:pt>
                <c:pt idx="139">
                  <c:v>28.024000000000019</c:v>
                </c:pt>
                <c:pt idx="140">
                  <c:v>28.024000000000019</c:v>
                </c:pt>
                <c:pt idx="141">
                  <c:v>28.12400000000002</c:v>
                </c:pt>
                <c:pt idx="142">
                  <c:v>28.12400000000002</c:v>
                </c:pt>
                <c:pt idx="143">
                  <c:v>28.274000000000019</c:v>
                </c:pt>
                <c:pt idx="144">
                  <c:v>28.274000000000019</c:v>
                </c:pt>
                <c:pt idx="145">
                  <c:v>28.274000000000019</c:v>
                </c:pt>
                <c:pt idx="146">
                  <c:v>28.274000000000019</c:v>
                </c:pt>
                <c:pt idx="147">
                  <c:v>28.274000000000019</c:v>
                </c:pt>
                <c:pt idx="148">
                  <c:v>28.274000000000019</c:v>
                </c:pt>
                <c:pt idx="149">
                  <c:v>28.474000000000018</c:v>
                </c:pt>
                <c:pt idx="150">
                  <c:v>28.474000000000018</c:v>
                </c:pt>
                <c:pt idx="151">
                  <c:v>28.524000000000019</c:v>
                </c:pt>
                <c:pt idx="152">
                  <c:v>28.524000000000019</c:v>
                </c:pt>
                <c:pt idx="153">
                  <c:v>28.674000000000017</c:v>
                </c:pt>
                <c:pt idx="154">
                  <c:v>28.674000000000017</c:v>
                </c:pt>
                <c:pt idx="155">
                  <c:v>28.724000000000018</c:v>
                </c:pt>
                <c:pt idx="156">
                  <c:v>28.724000000000018</c:v>
                </c:pt>
                <c:pt idx="157">
                  <c:v>28.924000000000017</c:v>
                </c:pt>
                <c:pt idx="158">
                  <c:v>28.924000000000017</c:v>
                </c:pt>
                <c:pt idx="159">
                  <c:v>28.924000000000017</c:v>
                </c:pt>
                <c:pt idx="160">
                  <c:v>28.924000000000017</c:v>
                </c:pt>
                <c:pt idx="161">
                  <c:v>28.924000000000017</c:v>
                </c:pt>
                <c:pt idx="162">
                  <c:v>28.924000000000017</c:v>
                </c:pt>
                <c:pt idx="163">
                  <c:v>28.924000000000017</c:v>
                </c:pt>
                <c:pt idx="164">
                  <c:v>28.924000000000017</c:v>
                </c:pt>
                <c:pt idx="165">
                  <c:v>28.928000000000019</c:v>
                </c:pt>
                <c:pt idx="166">
                  <c:v>28.928000000000019</c:v>
                </c:pt>
                <c:pt idx="167">
                  <c:v>29.192000000000018</c:v>
                </c:pt>
                <c:pt idx="168">
                  <c:v>29.192000000000018</c:v>
                </c:pt>
                <c:pt idx="169">
                  <c:v>29.712000000000018</c:v>
                </c:pt>
                <c:pt idx="170">
                  <c:v>29.712000000000018</c:v>
                </c:pt>
                <c:pt idx="171">
                  <c:v>30.185000000000016</c:v>
                </c:pt>
                <c:pt idx="172">
                  <c:v>30.185000000000016</c:v>
                </c:pt>
                <c:pt idx="173">
                  <c:v>30.185000000000016</c:v>
                </c:pt>
              </c:numCache>
            </c:numRef>
          </c:xVal>
          <c:yVal>
            <c:numRef>
              <c:f>'Quad dipole'!$F$2:$F$175</c:f>
              <c:numCache>
                <c:formatCode>0.00E+00</c:formatCode>
                <c:ptCount val="174"/>
                <c:pt idx="0">
                  <c:v>4.0000000000000001E-3</c:v>
                </c:pt>
                <c:pt idx="1">
                  <c:v>4.0000000000000001E-3</c:v>
                </c:pt>
                <c:pt idx="2">
                  <c:v>2.0000000000000001E-13</c:v>
                </c:pt>
                <c:pt idx="3">
                  <c:v>2.0000000000000001E-13</c:v>
                </c:pt>
                <c:pt idx="4">
                  <c:v>2.0000000000000001E-13</c:v>
                </c:pt>
                <c:pt idx="5">
                  <c:v>2.0000000000000001E-13</c:v>
                </c:pt>
                <c:pt idx="6">
                  <c:v>2.0000000000000001E-13</c:v>
                </c:pt>
                <c:pt idx="7">
                  <c:v>2.0000000000000001E-13</c:v>
                </c:pt>
                <c:pt idx="8">
                  <c:v>4.0000000000000001E-3</c:v>
                </c:pt>
                <c:pt idx="9">
                  <c:v>4.0000000000000001E-3</c:v>
                </c:pt>
                <c:pt idx="10">
                  <c:v>2.0000000000000001E-13</c:v>
                </c:pt>
                <c:pt idx="11">
                  <c:v>2.0000000000000001E-13</c:v>
                </c:pt>
                <c:pt idx="12">
                  <c:v>4.0000000000000001E-3</c:v>
                </c:pt>
                <c:pt idx="13">
                  <c:v>4.0000000000000001E-3</c:v>
                </c:pt>
                <c:pt idx="14">
                  <c:v>2.0000000000000001E-13</c:v>
                </c:pt>
                <c:pt idx="15">
                  <c:v>2.0000000000000001E-13</c:v>
                </c:pt>
                <c:pt idx="16">
                  <c:v>4.0000000000000001E-3</c:v>
                </c:pt>
                <c:pt idx="17">
                  <c:v>4.0000000000000001E-3</c:v>
                </c:pt>
                <c:pt idx="18">
                  <c:v>2.0000000000000001E-13</c:v>
                </c:pt>
                <c:pt idx="19">
                  <c:v>2.0000000000000001E-13</c:v>
                </c:pt>
                <c:pt idx="20">
                  <c:v>4.0000000000000001E-3</c:v>
                </c:pt>
                <c:pt idx="21">
                  <c:v>4.0000000000000001E-3</c:v>
                </c:pt>
                <c:pt idx="22">
                  <c:v>2.0000000000000001E-13</c:v>
                </c:pt>
                <c:pt idx="23">
                  <c:v>2.0000000000000001E-13</c:v>
                </c:pt>
                <c:pt idx="24">
                  <c:v>2.0000000000000001E-13</c:v>
                </c:pt>
                <c:pt idx="25">
                  <c:v>2.0000000000000001E-13</c:v>
                </c:pt>
                <c:pt idx="26">
                  <c:v>2E-3</c:v>
                </c:pt>
                <c:pt idx="27">
                  <c:v>2E-3</c:v>
                </c:pt>
                <c:pt idx="28">
                  <c:v>2.0000000000000001E-13</c:v>
                </c:pt>
                <c:pt idx="29">
                  <c:v>2.0000000000000001E-13</c:v>
                </c:pt>
                <c:pt idx="30">
                  <c:v>4.0000000000000001E-3</c:v>
                </c:pt>
                <c:pt idx="31">
                  <c:v>4.0000000000000001E-3</c:v>
                </c:pt>
                <c:pt idx="32">
                  <c:v>2.0000000000000001E-13</c:v>
                </c:pt>
                <c:pt idx="33">
                  <c:v>2.0000000000000001E-13</c:v>
                </c:pt>
                <c:pt idx="34">
                  <c:v>4.0000000000000001E-3</c:v>
                </c:pt>
                <c:pt idx="35">
                  <c:v>4.0000000000000001E-3</c:v>
                </c:pt>
                <c:pt idx="36">
                  <c:v>2.0000000000000001E-13</c:v>
                </c:pt>
                <c:pt idx="37">
                  <c:v>2.0000000000000001E-13</c:v>
                </c:pt>
                <c:pt idx="38">
                  <c:v>4.0000000000000001E-3</c:v>
                </c:pt>
                <c:pt idx="39">
                  <c:v>4.0000000000000001E-3</c:v>
                </c:pt>
                <c:pt idx="40">
                  <c:v>2.0000000000000001E-13</c:v>
                </c:pt>
                <c:pt idx="41">
                  <c:v>2.0000000000000001E-13</c:v>
                </c:pt>
                <c:pt idx="42">
                  <c:v>2E-3</c:v>
                </c:pt>
                <c:pt idx="43">
                  <c:v>2E-3</c:v>
                </c:pt>
                <c:pt idx="44">
                  <c:v>2.0000000000000001E-13</c:v>
                </c:pt>
                <c:pt idx="45">
                  <c:v>2.0000000000000001E-13</c:v>
                </c:pt>
                <c:pt idx="46">
                  <c:v>4.0000000000000001E-3</c:v>
                </c:pt>
                <c:pt idx="47">
                  <c:v>4.0000000000000001E-3</c:v>
                </c:pt>
                <c:pt idx="48">
                  <c:v>2.0000000000000001E-13</c:v>
                </c:pt>
                <c:pt idx="49">
                  <c:v>2.0000000000000001E-13</c:v>
                </c:pt>
                <c:pt idx="50">
                  <c:v>2E-3</c:v>
                </c:pt>
                <c:pt idx="51">
                  <c:v>2E-3</c:v>
                </c:pt>
                <c:pt idx="52">
                  <c:v>2.0000000000000001E-13</c:v>
                </c:pt>
                <c:pt idx="53">
                  <c:v>2.0000000000000001E-13</c:v>
                </c:pt>
                <c:pt idx="54">
                  <c:v>4.0000000000000001E-3</c:v>
                </c:pt>
                <c:pt idx="55">
                  <c:v>4.0000000000000001E-3</c:v>
                </c:pt>
                <c:pt idx="56">
                  <c:v>2.0000000000000001E-13</c:v>
                </c:pt>
                <c:pt idx="57">
                  <c:v>2.0000000000000001E-13</c:v>
                </c:pt>
                <c:pt idx="58">
                  <c:v>4.0000000000000001E-3</c:v>
                </c:pt>
                <c:pt idx="59">
                  <c:v>4.0000000000000001E-3</c:v>
                </c:pt>
                <c:pt idx="60">
                  <c:v>2.0000000000000001E-13</c:v>
                </c:pt>
                <c:pt idx="61">
                  <c:v>2.0000000000000001E-13</c:v>
                </c:pt>
                <c:pt idx="62">
                  <c:v>4.0000000000000001E-3</c:v>
                </c:pt>
                <c:pt idx="63">
                  <c:v>4.0000000000000001E-3</c:v>
                </c:pt>
                <c:pt idx="64">
                  <c:v>2.0000000000000001E-13</c:v>
                </c:pt>
                <c:pt idx="65">
                  <c:v>2.0000000000000001E-13</c:v>
                </c:pt>
                <c:pt idx="66">
                  <c:v>4.0000000000000001E-3</c:v>
                </c:pt>
                <c:pt idx="67">
                  <c:v>4.0000000000000001E-3</c:v>
                </c:pt>
                <c:pt idx="68">
                  <c:v>2.0000000000000001E-13</c:v>
                </c:pt>
                <c:pt idx="69">
                  <c:v>2.0000000000000001E-13</c:v>
                </c:pt>
                <c:pt idx="70">
                  <c:v>2E-3</c:v>
                </c:pt>
                <c:pt idx="71">
                  <c:v>2E-3</c:v>
                </c:pt>
                <c:pt idx="72">
                  <c:v>2.0000000000000001E-13</c:v>
                </c:pt>
                <c:pt idx="73">
                  <c:v>2.0000000000000001E-13</c:v>
                </c:pt>
                <c:pt idx="74">
                  <c:v>4.0000000000000001E-3</c:v>
                </c:pt>
                <c:pt idx="75">
                  <c:v>4.0000000000000001E-3</c:v>
                </c:pt>
                <c:pt idx="76">
                  <c:v>2.0000000000000001E-13</c:v>
                </c:pt>
                <c:pt idx="77">
                  <c:v>2.0000000000000001E-13</c:v>
                </c:pt>
                <c:pt idx="78">
                  <c:v>2E-3</c:v>
                </c:pt>
                <c:pt idx="79">
                  <c:v>2E-3</c:v>
                </c:pt>
                <c:pt idx="80">
                  <c:v>2.0000000000000001E-13</c:v>
                </c:pt>
                <c:pt idx="81">
                  <c:v>2.0000000000000001E-13</c:v>
                </c:pt>
                <c:pt idx="82">
                  <c:v>4.0000000000000001E-3</c:v>
                </c:pt>
                <c:pt idx="83">
                  <c:v>4.0000000000000001E-3</c:v>
                </c:pt>
                <c:pt idx="84">
                  <c:v>2.0000000000000001E-13</c:v>
                </c:pt>
                <c:pt idx="85">
                  <c:v>2.0000000000000001E-13</c:v>
                </c:pt>
                <c:pt idx="86">
                  <c:v>4.0000000000000001E-3</c:v>
                </c:pt>
                <c:pt idx="87">
                  <c:v>4.0000000000000001E-3</c:v>
                </c:pt>
                <c:pt idx="88">
                  <c:v>2.0000000000000001E-13</c:v>
                </c:pt>
                <c:pt idx="89">
                  <c:v>2.0000000000000001E-13</c:v>
                </c:pt>
                <c:pt idx="90">
                  <c:v>4.0000000000000001E-3</c:v>
                </c:pt>
                <c:pt idx="91">
                  <c:v>4.0000000000000001E-3</c:v>
                </c:pt>
                <c:pt idx="92">
                  <c:v>2.0000000000000001E-13</c:v>
                </c:pt>
                <c:pt idx="93">
                  <c:v>2.0000000000000001E-13</c:v>
                </c:pt>
                <c:pt idx="94">
                  <c:v>2E-3</c:v>
                </c:pt>
                <c:pt idx="95">
                  <c:v>2E-3</c:v>
                </c:pt>
                <c:pt idx="96">
                  <c:v>2.0000000000000001E-13</c:v>
                </c:pt>
                <c:pt idx="97">
                  <c:v>2.0000000000000001E-13</c:v>
                </c:pt>
                <c:pt idx="98">
                  <c:v>2.0000000000000001E-13</c:v>
                </c:pt>
                <c:pt idx="99">
                  <c:v>2.0000000000000001E-13</c:v>
                </c:pt>
                <c:pt idx="100">
                  <c:v>4.0000000000000001E-3</c:v>
                </c:pt>
                <c:pt idx="101">
                  <c:v>4.0000000000000001E-3</c:v>
                </c:pt>
                <c:pt idx="102">
                  <c:v>2.0000000000000001E-13</c:v>
                </c:pt>
                <c:pt idx="103">
                  <c:v>2.0000000000000001E-13</c:v>
                </c:pt>
                <c:pt idx="104">
                  <c:v>4.0000000000000001E-3</c:v>
                </c:pt>
                <c:pt idx="105">
                  <c:v>4.0000000000000001E-3</c:v>
                </c:pt>
                <c:pt idx="106">
                  <c:v>2.0000000000000001E-13</c:v>
                </c:pt>
                <c:pt idx="107">
                  <c:v>2.0000000000000001E-13</c:v>
                </c:pt>
                <c:pt idx="108">
                  <c:v>4.0000000000000001E-3</c:v>
                </c:pt>
                <c:pt idx="109">
                  <c:v>4.0000000000000001E-3</c:v>
                </c:pt>
                <c:pt idx="110">
                  <c:v>2.0000000000000001E-13</c:v>
                </c:pt>
                <c:pt idx="111">
                  <c:v>2.0000000000000001E-13</c:v>
                </c:pt>
                <c:pt idx="112">
                  <c:v>4.0000000000000001E-3</c:v>
                </c:pt>
                <c:pt idx="113">
                  <c:v>4.0000000000000001E-3</c:v>
                </c:pt>
                <c:pt idx="114">
                  <c:v>2.0000000000000001E-13</c:v>
                </c:pt>
                <c:pt idx="115">
                  <c:v>2.0000000000000001E-13</c:v>
                </c:pt>
                <c:pt idx="116">
                  <c:v>2E-3</c:v>
                </c:pt>
                <c:pt idx="117">
                  <c:v>2E-3</c:v>
                </c:pt>
                <c:pt idx="118">
                  <c:v>2.0000000000000001E-13</c:v>
                </c:pt>
                <c:pt idx="119">
                  <c:v>2.0000000000000001E-13</c:v>
                </c:pt>
                <c:pt idx="120">
                  <c:v>2E-3</c:v>
                </c:pt>
                <c:pt idx="121">
                  <c:v>2E-3</c:v>
                </c:pt>
                <c:pt idx="122">
                  <c:v>2.0000000000000001E-13</c:v>
                </c:pt>
                <c:pt idx="123">
                  <c:v>2.0000000000000001E-13</c:v>
                </c:pt>
                <c:pt idx="124">
                  <c:v>2E-3</c:v>
                </c:pt>
                <c:pt idx="125">
                  <c:v>2E-3</c:v>
                </c:pt>
                <c:pt idx="126">
                  <c:v>2.0000000000000001E-13</c:v>
                </c:pt>
                <c:pt idx="127">
                  <c:v>2.0000000000000001E-13</c:v>
                </c:pt>
                <c:pt idx="128">
                  <c:v>2E-3</c:v>
                </c:pt>
                <c:pt idx="129">
                  <c:v>2E-3</c:v>
                </c:pt>
                <c:pt idx="130">
                  <c:v>2.0000000000000001E-13</c:v>
                </c:pt>
                <c:pt idx="131">
                  <c:v>2.0000000000000001E-13</c:v>
                </c:pt>
                <c:pt idx="132">
                  <c:v>2.0000000000000001E-13</c:v>
                </c:pt>
                <c:pt idx="133">
                  <c:v>2.0000000000000001E-13</c:v>
                </c:pt>
                <c:pt idx="134">
                  <c:v>2E-3</c:v>
                </c:pt>
                <c:pt idx="135">
                  <c:v>2E-3</c:v>
                </c:pt>
                <c:pt idx="136">
                  <c:v>2.0000000000000001E-13</c:v>
                </c:pt>
                <c:pt idx="137">
                  <c:v>2.0000000000000001E-13</c:v>
                </c:pt>
                <c:pt idx="138">
                  <c:v>2E-3</c:v>
                </c:pt>
                <c:pt idx="139">
                  <c:v>2E-3</c:v>
                </c:pt>
                <c:pt idx="140">
                  <c:v>2.0000000000000001E-13</c:v>
                </c:pt>
                <c:pt idx="141">
                  <c:v>2.0000000000000001E-13</c:v>
                </c:pt>
                <c:pt idx="142">
                  <c:v>2.0000000000000001E-13</c:v>
                </c:pt>
                <c:pt idx="143">
                  <c:v>2.0000000000000001E-13</c:v>
                </c:pt>
                <c:pt idx="144">
                  <c:v>2.0000000000000001E-13</c:v>
                </c:pt>
                <c:pt idx="145">
                  <c:v>2.0000000000000001E-13</c:v>
                </c:pt>
                <c:pt idx="146">
                  <c:v>2.0000000000000001E-13</c:v>
                </c:pt>
                <c:pt idx="147">
                  <c:v>2.0000000000000001E-13</c:v>
                </c:pt>
                <c:pt idx="148">
                  <c:v>2.0000000000000001E-13</c:v>
                </c:pt>
                <c:pt idx="149">
                  <c:v>2.0000000000000001E-13</c:v>
                </c:pt>
                <c:pt idx="150">
                  <c:v>4.0000000000000001E-3</c:v>
                </c:pt>
                <c:pt idx="151">
                  <c:v>4.0000000000000001E-3</c:v>
                </c:pt>
                <c:pt idx="152">
                  <c:v>2.0000000000000001E-13</c:v>
                </c:pt>
                <c:pt idx="153">
                  <c:v>2.0000000000000001E-13</c:v>
                </c:pt>
                <c:pt idx="154">
                  <c:v>4.0000000000000001E-3</c:v>
                </c:pt>
                <c:pt idx="155">
                  <c:v>4.0000000000000001E-3</c:v>
                </c:pt>
                <c:pt idx="156">
                  <c:v>2.0000000000000001E-13</c:v>
                </c:pt>
                <c:pt idx="157">
                  <c:v>2.0000000000000001E-13</c:v>
                </c:pt>
                <c:pt idx="158">
                  <c:v>2.0000000000000001E-13</c:v>
                </c:pt>
                <c:pt idx="159">
                  <c:v>2.0000000000000001E-13</c:v>
                </c:pt>
                <c:pt idx="160">
                  <c:v>2.0000000000000001E-13</c:v>
                </c:pt>
                <c:pt idx="161">
                  <c:v>2.0000000000000001E-13</c:v>
                </c:pt>
                <c:pt idx="162">
                  <c:v>2.0000000000000001E-13</c:v>
                </c:pt>
                <c:pt idx="163">
                  <c:v>2.0000000000000001E-13</c:v>
                </c:pt>
                <c:pt idx="164">
                  <c:v>2.0000000000000001E-13</c:v>
                </c:pt>
                <c:pt idx="165">
                  <c:v>2.0000000000000001E-13</c:v>
                </c:pt>
                <c:pt idx="166">
                  <c:v>2.0000000000000001E-13</c:v>
                </c:pt>
                <c:pt idx="167">
                  <c:v>2.0000000000000001E-13</c:v>
                </c:pt>
                <c:pt idx="168">
                  <c:v>2.0000000000000001E-13</c:v>
                </c:pt>
                <c:pt idx="169">
                  <c:v>2.0000000000000001E-13</c:v>
                </c:pt>
                <c:pt idx="170">
                  <c:v>2.0000000000000001E-13</c:v>
                </c:pt>
                <c:pt idx="171">
                  <c:v>2.0000000000000001E-13</c:v>
                </c:pt>
                <c:pt idx="172">
                  <c:v>2.0000000000000001E-13</c:v>
                </c:pt>
                <c:pt idx="173">
                  <c:v>2.0000000000000001E-13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4-F1B1-4E02-8561-C33805E319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762855711"/>
        <c:axId val="688372575"/>
      </c:scatterChart>
      <c:valAx>
        <c:axId val="752237583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fr-FR" sz="1200" b="1"/>
                  <a:t>S</a:t>
                </a:r>
                <a:r>
                  <a:rPr lang="fr-FR" sz="1200" b="1" baseline="0"/>
                  <a:t> (m)</a:t>
                </a:r>
                <a:endParaRPr lang="fr-FR" sz="1200" b="1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fr-FR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626483599"/>
        <c:crosses val="autoZero"/>
        <c:crossBetween val="midCat"/>
      </c:valAx>
      <c:valAx>
        <c:axId val="626483599"/>
        <c:scaling>
          <c:logBase val="10"/>
          <c:orientation val="minMax"/>
          <c:max val="1E+16"/>
          <c:min val="100000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fr-FR" sz="1400" b="1"/>
                  <a:t>Flux (Ph/s/cm</a:t>
                </a:r>
                <a:r>
                  <a:rPr lang="fr-FR" sz="1400" b="1" baseline="30000"/>
                  <a:t>2</a:t>
                </a:r>
                <a:r>
                  <a:rPr lang="fr-FR" sz="1400" b="1"/>
                  <a:t>)</a:t>
                </a:r>
              </a:p>
            </c:rich>
          </c:tx>
          <c:layout>
            <c:manualLayout>
              <c:xMode val="edge"/>
              <c:yMode val="edge"/>
              <c:x val="1.4558629700504032E-2"/>
              <c:y val="0.34132739976788601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fr-FR"/>
            </a:p>
          </c:txPr>
        </c:title>
        <c:numFmt formatCode="0E+00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752237583"/>
        <c:crosses val="autoZero"/>
        <c:crossBetween val="midCat"/>
      </c:valAx>
      <c:valAx>
        <c:axId val="688372575"/>
        <c:scaling>
          <c:logBase val="10"/>
          <c:orientation val="minMax"/>
          <c:max val="10"/>
          <c:min val="1.0000000000000002E-3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 b="1"/>
                  <a:t>Power (mW/cm</a:t>
                </a:r>
                <a:r>
                  <a:rPr lang="en-US" sz="1200" b="1" baseline="30000"/>
                  <a:t>2</a:t>
                </a:r>
                <a:r>
                  <a:rPr lang="en-US" sz="1200" b="1"/>
                  <a:t>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fr-FR"/>
            </a:p>
          </c:txPr>
        </c:title>
        <c:numFmt formatCode="0E+00" sourceLinked="0"/>
        <c:majorTickMark val="out"/>
        <c:minorTickMark val="out"/>
        <c:tickLblPos val="nextTo"/>
        <c:spPr>
          <a:noFill/>
          <a:ln w="9525" cap="flat" cmpd="sng" algn="ctr">
            <a:solidFill>
              <a:schemeClr val="bg2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762855711"/>
        <c:crosses val="max"/>
        <c:crossBetween val="midCat"/>
      </c:valAx>
      <c:valAx>
        <c:axId val="762855711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688372575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15439210723659544"/>
          <c:y val="0.12160907383306263"/>
          <c:w val="0.20013888888888889"/>
          <c:h val="0.30531779362730116"/>
        </c:manualLayout>
      </c:layout>
      <c:overlay val="0"/>
      <c:spPr>
        <a:solidFill>
          <a:sysClr val="window" lastClr="FFFFFF"/>
        </a:solidFill>
        <a:ln>
          <a:solidFill>
            <a:sysClr val="windowText" lastClr="000000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r-FR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  <c:userShapes r:id="rId4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8.6637340723471012E-2"/>
          <c:y val="8.209805174547545E-2"/>
          <c:w val="0.83558791184621473"/>
          <c:h val="0.83153690473824748"/>
        </c:manualLayout>
      </c:layout>
      <c:scatterChart>
        <c:scatterStyle val="smoothMarker"/>
        <c:varyColors val="0"/>
        <c:ser>
          <c:idx val="0"/>
          <c:order val="0"/>
          <c:tx>
            <c:strRef>
              <c:f>'20260119 112857 SCAN SEM PERLEC'!$B$4</c:f>
              <c:strCache>
                <c:ptCount val="1"/>
                <c:pt idx="0">
                  <c:v>Scan1</c:v>
                </c:pt>
              </c:strCache>
            </c:strRef>
          </c:tx>
          <c:spPr>
            <a:ln w="2222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'20260119 112857 SCAN SEM PERLEC'!$A$11:$A$1610</c:f>
              <c:numCache>
                <c:formatCode>General</c:formatCode>
                <c:ptCount val="1600"/>
                <c:pt idx="0">
                  <c:v>0</c:v>
                </c:pt>
                <c:pt idx="1">
                  <c:v>0.03</c:v>
                </c:pt>
                <c:pt idx="2">
                  <c:v>0.06</c:v>
                </c:pt>
                <c:pt idx="3">
                  <c:v>0.09</c:v>
                </c:pt>
                <c:pt idx="4">
                  <c:v>0.13</c:v>
                </c:pt>
                <c:pt idx="5">
                  <c:v>0.16</c:v>
                </c:pt>
                <c:pt idx="6">
                  <c:v>0.19</c:v>
                </c:pt>
                <c:pt idx="7">
                  <c:v>0.22</c:v>
                </c:pt>
                <c:pt idx="8">
                  <c:v>0.25</c:v>
                </c:pt>
                <c:pt idx="9">
                  <c:v>0.28000000000000003</c:v>
                </c:pt>
                <c:pt idx="10">
                  <c:v>0.31</c:v>
                </c:pt>
                <c:pt idx="11">
                  <c:v>0.34</c:v>
                </c:pt>
                <c:pt idx="12">
                  <c:v>0.38</c:v>
                </c:pt>
                <c:pt idx="13">
                  <c:v>0.41</c:v>
                </c:pt>
                <c:pt idx="14">
                  <c:v>0.44</c:v>
                </c:pt>
                <c:pt idx="15">
                  <c:v>0.47</c:v>
                </c:pt>
                <c:pt idx="16">
                  <c:v>0.5</c:v>
                </c:pt>
                <c:pt idx="17">
                  <c:v>0.53</c:v>
                </c:pt>
                <c:pt idx="18">
                  <c:v>0.56000000000000005</c:v>
                </c:pt>
                <c:pt idx="19">
                  <c:v>0.59</c:v>
                </c:pt>
                <c:pt idx="20">
                  <c:v>0.63</c:v>
                </c:pt>
                <c:pt idx="21">
                  <c:v>0.66</c:v>
                </c:pt>
                <c:pt idx="22">
                  <c:v>0.69</c:v>
                </c:pt>
                <c:pt idx="23">
                  <c:v>0.72</c:v>
                </c:pt>
                <c:pt idx="24">
                  <c:v>0.75</c:v>
                </c:pt>
                <c:pt idx="25">
                  <c:v>0.78</c:v>
                </c:pt>
                <c:pt idx="26">
                  <c:v>0.81</c:v>
                </c:pt>
                <c:pt idx="27">
                  <c:v>0.84</c:v>
                </c:pt>
                <c:pt idx="28">
                  <c:v>0.88</c:v>
                </c:pt>
                <c:pt idx="29">
                  <c:v>0.91</c:v>
                </c:pt>
                <c:pt idx="30">
                  <c:v>0.94</c:v>
                </c:pt>
                <c:pt idx="31">
                  <c:v>0.97</c:v>
                </c:pt>
                <c:pt idx="32">
                  <c:v>1</c:v>
                </c:pt>
                <c:pt idx="33">
                  <c:v>1.03</c:v>
                </c:pt>
                <c:pt idx="34">
                  <c:v>1.06</c:v>
                </c:pt>
                <c:pt idx="35">
                  <c:v>1.0900000000000001</c:v>
                </c:pt>
                <c:pt idx="36">
                  <c:v>1.1299999999999999</c:v>
                </c:pt>
                <c:pt idx="37">
                  <c:v>1.1599999999999999</c:v>
                </c:pt>
                <c:pt idx="38">
                  <c:v>1.19</c:v>
                </c:pt>
                <c:pt idx="39">
                  <c:v>1.22</c:v>
                </c:pt>
                <c:pt idx="40">
                  <c:v>1.25</c:v>
                </c:pt>
                <c:pt idx="41">
                  <c:v>1.28</c:v>
                </c:pt>
                <c:pt idx="42">
                  <c:v>1.31</c:v>
                </c:pt>
                <c:pt idx="43">
                  <c:v>1.34</c:v>
                </c:pt>
                <c:pt idx="44">
                  <c:v>1.38</c:v>
                </c:pt>
                <c:pt idx="45">
                  <c:v>1.41</c:v>
                </c:pt>
                <c:pt idx="46">
                  <c:v>1.44</c:v>
                </c:pt>
                <c:pt idx="47">
                  <c:v>1.47</c:v>
                </c:pt>
                <c:pt idx="48">
                  <c:v>1.5</c:v>
                </c:pt>
                <c:pt idx="49">
                  <c:v>1.53</c:v>
                </c:pt>
                <c:pt idx="50">
                  <c:v>1.56</c:v>
                </c:pt>
                <c:pt idx="51">
                  <c:v>1.59</c:v>
                </c:pt>
                <c:pt idx="52">
                  <c:v>1.63</c:v>
                </c:pt>
                <c:pt idx="53">
                  <c:v>1.66</c:v>
                </c:pt>
                <c:pt idx="54">
                  <c:v>1.69</c:v>
                </c:pt>
                <c:pt idx="55">
                  <c:v>1.72</c:v>
                </c:pt>
                <c:pt idx="56">
                  <c:v>1.75</c:v>
                </c:pt>
                <c:pt idx="57">
                  <c:v>1.78</c:v>
                </c:pt>
                <c:pt idx="58">
                  <c:v>1.81</c:v>
                </c:pt>
                <c:pt idx="59">
                  <c:v>1.84</c:v>
                </c:pt>
                <c:pt idx="60">
                  <c:v>1.88</c:v>
                </c:pt>
                <c:pt idx="61">
                  <c:v>1.91</c:v>
                </c:pt>
                <c:pt idx="62">
                  <c:v>1.94</c:v>
                </c:pt>
                <c:pt idx="63">
                  <c:v>1.97</c:v>
                </c:pt>
                <c:pt idx="64">
                  <c:v>2</c:v>
                </c:pt>
                <c:pt idx="65">
                  <c:v>2.0299999999999998</c:v>
                </c:pt>
                <c:pt idx="66">
                  <c:v>2.06</c:v>
                </c:pt>
                <c:pt idx="67">
                  <c:v>2.09</c:v>
                </c:pt>
                <c:pt idx="68">
                  <c:v>2.13</c:v>
                </c:pt>
                <c:pt idx="69">
                  <c:v>2.16</c:v>
                </c:pt>
                <c:pt idx="70">
                  <c:v>2.19</c:v>
                </c:pt>
                <c:pt idx="71">
                  <c:v>2.2200000000000002</c:v>
                </c:pt>
                <c:pt idx="72">
                  <c:v>2.25</c:v>
                </c:pt>
                <c:pt idx="73">
                  <c:v>2.2799999999999998</c:v>
                </c:pt>
                <c:pt idx="74">
                  <c:v>2.31</c:v>
                </c:pt>
                <c:pt idx="75">
                  <c:v>2.34</c:v>
                </c:pt>
                <c:pt idx="76">
                  <c:v>2.38</c:v>
                </c:pt>
                <c:pt idx="77">
                  <c:v>2.41</c:v>
                </c:pt>
                <c:pt idx="78">
                  <c:v>2.44</c:v>
                </c:pt>
                <c:pt idx="79">
                  <c:v>2.4700000000000002</c:v>
                </c:pt>
                <c:pt idx="80">
                  <c:v>2.5</c:v>
                </c:pt>
                <c:pt idx="81">
                  <c:v>2.5299999999999998</c:v>
                </c:pt>
                <c:pt idx="82">
                  <c:v>2.56</c:v>
                </c:pt>
                <c:pt idx="83">
                  <c:v>2.59</c:v>
                </c:pt>
                <c:pt idx="84">
                  <c:v>2.63</c:v>
                </c:pt>
                <c:pt idx="85">
                  <c:v>2.66</c:v>
                </c:pt>
                <c:pt idx="86">
                  <c:v>2.69</c:v>
                </c:pt>
                <c:pt idx="87">
                  <c:v>2.72</c:v>
                </c:pt>
                <c:pt idx="88">
                  <c:v>2.75</c:v>
                </c:pt>
                <c:pt idx="89">
                  <c:v>2.78</c:v>
                </c:pt>
                <c:pt idx="90">
                  <c:v>2.81</c:v>
                </c:pt>
                <c:pt idx="91">
                  <c:v>2.84</c:v>
                </c:pt>
                <c:pt idx="92">
                  <c:v>2.88</c:v>
                </c:pt>
                <c:pt idx="93">
                  <c:v>2.91</c:v>
                </c:pt>
                <c:pt idx="94">
                  <c:v>2.94</c:v>
                </c:pt>
                <c:pt idx="95">
                  <c:v>2.97</c:v>
                </c:pt>
                <c:pt idx="96">
                  <c:v>3</c:v>
                </c:pt>
                <c:pt idx="97">
                  <c:v>3.03</c:v>
                </c:pt>
                <c:pt idx="98">
                  <c:v>3.06</c:v>
                </c:pt>
                <c:pt idx="99">
                  <c:v>3.09</c:v>
                </c:pt>
                <c:pt idx="100">
                  <c:v>3.13</c:v>
                </c:pt>
                <c:pt idx="101">
                  <c:v>3.16</c:v>
                </c:pt>
                <c:pt idx="102">
                  <c:v>3.19</c:v>
                </c:pt>
                <c:pt idx="103">
                  <c:v>3.22</c:v>
                </c:pt>
                <c:pt idx="104">
                  <c:v>3.25</c:v>
                </c:pt>
                <c:pt idx="105">
                  <c:v>3.28</c:v>
                </c:pt>
                <c:pt idx="106">
                  <c:v>3.31</c:v>
                </c:pt>
                <c:pt idx="107">
                  <c:v>3.34</c:v>
                </c:pt>
                <c:pt idx="108">
                  <c:v>3.38</c:v>
                </c:pt>
                <c:pt idx="109">
                  <c:v>3.41</c:v>
                </c:pt>
                <c:pt idx="110">
                  <c:v>3.44</c:v>
                </c:pt>
                <c:pt idx="111">
                  <c:v>3.47</c:v>
                </c:pt>
                <c:pt idx="112">
                  <c:v>3.5</c:v>
                </c:pt>
                <c:pt idx="113">
                  <c:v>3.53</c:v>
                </c:pt>
                <c:pt idx="114">
                  <c:v>3.56</c:v>
                </c:pt>
                <c:pt idx="115">
                  <c:v>3.59</c:v>
                </c:pt>
                <c:pt idx="116">
                  <c:v>3.63</c:v>
                </c:pt>
                <c:pt idx="117">
                  <c:v>3.66</c:v>
                </c:pt>
                <c:pt idx="118">
                  <c:v>3.69</c:v>
                </c:pt>
                <c:pt idx="119">
                  <c:v>3.72</c:v>
                </c:pt>
                <c:pt idx="120">
                  <c:v>3.75</c:v>
                </c:pt>
                <c:pt idx="121">
                  <c:v>3.78</c:v>
                </c:pt>
                <c:pt idx="122">
                  <c:v>3.81</c:v>
                </c:pt>
                <c:pt idx="123">
                  <c:v>3.84</c:v>
                </c:pt>
                <c:pt idx="124">
                  <c:v>3.88</c:v>
                </c:pt>
                <c:pt idx="125">
                  <c:v>3.91</c:v>
                </c:pt>
                <c:pt idx="126">
                  <c:v>3.94</c:v>
                </c:pt>
                <c:pt idx="127">
                  <c:v>3.97</c:v>
                </c:pt>
                <c:pt idx="128">
                  <c:v>4</c:v>
                </c:pt>
                <c:pt idx="129">
                  <c:v>4.03</c:v>
                </c:pt>
                <c:pt idx="130">
                  <c:v>4.0599999999999996</c:v>
                </c:pt>
                <c:pt idx="131">
                  <c:v>4.09</c:v>
                </c:pt>
                <c:pt idx="132">
                  <c:v>4.13</c:v>
                </c:pt>
                <c:pt idx="133">
                  <c:v>4.16</c:v>
                </c:pt>
                <c:pt idx="134">
                  <c:v>4.1900000000000004</c:v>
                </c:pt>
                <c:pt idx="135">
                  <c:v>4.22</c:v>
                </c:pt>
                <c:pt idx="136">
                  <c:v>4.25</c:v>
                </c:pt>
                <c:pt idx="137">
                  <c:v>4.28</c:v>
                </c:pt>
                <c:pt idx="138">
                  <c:v>4.3099999999999996</c:v>
                </c:pt>
                <c:pt idx="139">
                  <c:v>4.34</c:v>
                </c:pt>
                <c:pt idx="140">
                  <c:v>4.38</c:v>
                </c:pt>
                <c:pt idx="141">
                  <c:v>4.41</c:v>
                </c:pt>
                <c:pt idx="142">
                  <c:v>4.4400000000000004</c:v>
                </c:pt>
                <c:pt idx="143">
                  <c:v>4.47</c:v>
                </c:pt>
                <c:pt idx="144">
                  <c:v>4.5</c:v>
                </c:pt>
                <c:pt idx="145">
                  <c:v>4.53</c:v>
                </c:pt>
                <c:pt idx="146">
                  <c:v>4.5599999999999996</c:v>
                </c:pt>
                <c:pt idx="147">
                  <c:v>4.59</c:v>
                </c:pt>
                <c:pt idx="148">
                  <c:v>4.63</c:v>
                </c:pt>
                <c:pt idx="149">
                  <c:v>4.66</c:v>
                </c:pt>
                <c:pt idx="150">
                  <c:v>4.6900000000000004</c:v>
                </c:pt>
                <c:pt idx="151">
                  <c:v>4.72</c:v>
                </c:pt>
                <c:pt idx="152">
                  <c:v>4.75</c:v>
                </c:pt>
                <c:pt idx="153">
                  <c:v>4.78</c:v>
                </c:pt>
                <c:pt idx="154">
                  <c:v>4.8099999999999996</c:v>
                </c:pt>
                <c:pt idx="155">
                  <c:v>4.84</c:v>
                </c:pt>
                <c:pt idx="156">
                  <c:v>4.88</c:v>
                </c:pt>
                <c:pt idx="157">
                  <c:v>4.91</c:v>
                </c:pt>
                <c:pt idx="158">
                  <c:v>4.9400000000000004</c:v>
                </c:pt>
                <c:pt idx="159">
                  <c:v>4.97</c:v>
                </c:pt>
                <c:pt idx="160">
                  <c:v>5</c:v>
                </c:pt>
                <c:pt idx="161">
                  <c:v>5.03</c:v>
                </c:pt>
                <c:pt idx="162">
                  <c:v>5.0599999999999996</c:v>
                </c:pt>
                <c:pt idx="163">
                  <c:v>5.09</c:v>
                </c:pt>
                <c:pt idx="164">
                  <c:v>5.13</c:v>
                </c:pt>
                <c:pt idx="165">
                  <c:v>5.16</c:v>
                </c:pt>
                <c:pt idx="166">
                  <c:v>5.19</c:v>
                </c:pt>
                <c:pt idx="167">
                  <c:v>5.22</c:v>
                </c:pt>
                <c:pt idx="168">
                  <c:v>5.25</c:v>
                </c:pt>
                <c:pt idx="169">
                  <c:v>5.28</c:v>
                </c:pt>
                <c:pt idx="170">
                  <c:v>5.31</c:v>
                </c:pt>
                <c:pt idx="171">
                  <c:v>5.34</c:v>
                </c:pt>
                <c:pt idx="172">
                  <c:v>5.38</c:v>
                </c:pt>
                <c:pt idx="173">
                  <c:v>5.41</c:v>
                </c:pt>
                <c:pt idx="174">
                  <c:v>5.44</c:v>
                </c:pt>
                <c:pt idx="175">
                  <c:v>5.47</c:v>
                </c:pt>
                <c:pt idx="176">
                  <c:v>5.5</c:v>
                </c:pt>
                <c:pt idx="177">
                  <c:v>5.53</c:v>
                </c:pt>
                <c:pt idx="178">
                  <c:v>5.56</c:v>
                </c:pt>
                <c:pt idx="179">
                  <c:v>5.59</c:v>
                </c:pt>
                <c:pt idx="180">
                  <c:v>5.63</c:v>
                </c:pt>
                <c:pt idx="181">
                  <c:v>5.66</c:v>
                </c:pt>
                <c:pt idx="182">
                  <c:v>5.69</c:v>
                </c:pt>
                <c:pt idx="183">
                  <c:v>5.72</c:v>
                </c:pt>
                <c:pt idx="184">
                  <c:v>5.75</c:v>
                </c:pt>
                <c:pt idx="185">
                  <c:v>5.78</c:v>
                </c:pt>
                <c:pt idx="186">
                  <c:v>5.81</c:v>
                </c:pt>
                <c:pt idx="187">
                  <c:v>5.84</c:v>
                </c:pt>
                <c:pt idx="188">
                  <c:v>5.88</c:v>
                </c:pt>
                <c:pt idx="189">
                  <c:v>5.91</c:v>
                </c:pt>
                <c:pt idx="190">
                  <c:v>5.94</c:v>
                </c:pt>
                <c:pt idx="191">
                  <c:v>5.97</c:v>
                </c:pt>
                <c:pt idx="192">
                  <c:v>6</c:v>
                </c:pt>
                <c:pt idx="193">
                  <c:v>6.03</c:v>
                </c:pt>
                <c:pt idx="194">
                  <c:v>6.06</c:v>
                </c:pt>
                <c:pt idx="195">
                  <c:v>6.09</c:v>
                </c:pt>
                <c:pt idx="196">
                  <c:v>6.13</c:v>
                </c:pt>
                <c:pt idx="197">
                  <c:v>6.16</c:v>
                </c:pt>
                <c:pt idx="198">
                  <c:v>6.19</c:v>
                </c:pt>
                <c:pt idx="199">
                  <c:v>6.22</c:v>
                </c:pt>
                <c:pt idx="200">
                  <c:v>6.25</c:v>
                </c:pt>
                <c:pt idx="201">
                  <c:v>6.28</c:v>
                </c:pt>
                <c:pt idx="202">
                  <c:v>6.31</c:v>
                </c:pt>
                <c:pt idx="203">
                  <c:v>6.34</c:v>
                </c:pt>
                <c:pt idx="204">
                  <c:v>6.38</c:v>
                </c:pt>
                <c:pt idx="205">
                  <c:v>6.41</c:v>
                </c:pt>
                <c:pt idx="206">
                  <c:v>6.44</c:v>
                </c:pt>
                <c:pt idx="207">
                  <c:v>6.47</c:v>
                </c:pt>
                <c:pt idx="208">
                  <c:v>6.5</c:v>
                </c:pt>
                <c:pt idx="209">
                  <c:v>6.53</c:v>
                </c:pt>
                <c:pt idx="210">
                  <c:v>6.56</c:v>
                </c:pt>
                <c:pt idx="211">
                  <c:v>6.59</c:v>
                </c:pt>
                <c:pt idx="212">
                  <c:v>6.63</c:v>
                </c:pt>
                <c:pt idx="213">
                  <c:v>6.66</c:v>
                </c:pt>
                <c:pt idx="214">
                  <c:v>6.69</c:v>
                </c:pt>
                <c:pt idx="215">
                  <c:v>6.72</c:v>
                </c:pt>
                <c:pt idx="216">
                  <c:v>6.75</c:v>
                </c:pt>
                <c:pt idx="217">
                  <c:v>6.78</c:v>
                </c:pt>
                <c:pt idx="218">
                  <c:v>6.81</c:v>
                </c:pt>
                <c:pt idx="219">
                  <c:v>6.84</c:v>
                </c:pt>
                <c:pt idx="220">
                  <c:v>6.88</c:v>
                </c:pt>
                <c:pt idx="221">
                  <c:v>6.91</c:v>
                </c:pt>
                <c:pt idx="222">
                  <c:v>6.94</c:v>
                </c:pt>
                <c:pt idx="223">
                  <c:v>6.97</c:v>
                </c:pt>
                <c:pt idx="224">
                  <c:v>7</c:v>
                </c:pt>
                <c:pt idx="225">
                  <c:v>7.03</c:v>
                </c:pt>
                <c:pt idx="226">
                  <c:v>7.06</c:v>
                </c:pt>
                <c:pt idx="227">
                  <c:v>7.09</c:v>
                </c:pt>
                <c:pt idx="228">
                  <c:v>7.13</c:v>
                </c:pt>
                <c:pt idx="229">
                  <c:v>7.16</c:v>
                </c:pt>
                <c:pt idx="230">
                  <c:v>7.19</c:v>
                </c:pt>
                <c:pt idx="231">
                  <c:v>7.22</c:v>
                </c:pt>
                <c:pt idx="232">
                  <c:v>7.25</c:v>
                </c:pt>
                <c:pt idx="233">
                  <c:v>7.28</c:v>
                </c:pt>
                <c:pt idx="234">
                  <c:v>7.31</c:v>
                </c:pt>
                <c:pt idx="235">
                  <c:v>7.34</c:v>
                </c:pt>
                <c:pt idx="236">
                  <c:v>7.38</c:v>
                </c:pt>
                <c:pt idx="237">
                  <c:v>7.41</c:v>
                </c:pt>
                <c:pt idx="238">
                  <c:v>7.44</c:v>
                </c:pt>
                <c:pt idx="239">
                  <c:v>7.47</c:v>
                </c:pt>
                <c:pt idx="240">
                  <c:v>7.5</c:v>
                </c:pt>
                <c:pt idx="241">
                  <c:v>7.53</c:v>
                </c:pt>
                <c:pt idx="242">
                  <c:v>7.56</c:v>
                </c:pt>
                <c:pt idx="243">
                  <c:v>7.59</c:v>
                </c:pt>
                <c:pt idx="244">
                  <c:v>7.63</c:v>
                </c:pt>
                <c:pt idx="245">
                  <c:v>7.66</c:v>
                </c:pt>
                <c:pt idx="246">
                  <c:v>7.69</c:v>
                </c:pt>
                <c:pt idx="247">
                  <c:v>7.72</c:v>
                </c:pt>
                <c:pt idx="248">
                  <c:v>7.75</c:v>
                </c:pt>
                <c:pt idx="249">
                  <c:v>7.78</c:v>
                </c:pt>
                <c:pt idx="250">
                  <c:v>7.81</c:v>
                </c:pt>
                <c:pt idx="251">
                  <c:v>7.84</c:v>
                </c:pt>
                <c:pt idx="252">
                  <c:v>7.88</c:v>
                </c:pt>
                <c:pt idx="253">
                  <c:v>7.91</c:v>
                </c:pt>
                <c:pt idx="254">
                  <c:v>7.94</c:v>
                </c:pt>
                <c:pt idx="255">
                  <c:v>7.97</c:v>
                </c:pt>
                <c:pt idx="256">
                  <c:v>8</c:v>
                </c:pt>
                <c:pt idx="257">
                  <c:v>8.0299999999999994</c:v>
                </c:pt>
                <c:pt idx="258">
                  <c:v>8.06</c:v>
                </c:pt>
                <c:pt idx="259">
                  <c:v>8.09</c:v>
                </c:pt>
                <c:pt idx="260">
                  <c:v>8.1300000000000008</c:v>
                </c:pt>
                <c:pt idx="261">
                  <c:v>8.16</c:v>
                </c:pt>
                <c:pt idx="262">
                  <c:v>8.19</c:v>
                </c:pt>
                <c:pt idx="263">
                  <c:v>8.2200000000000006</c:v>
                </c:pt>
                <c:pt idx="264">
                  <c:v>8.25</c:v>
                </c:pt>
                <c:pt idx="265">
                  <c:v>8.2799999999999994</c:v>
                </c:pt>
                <c:pt idx="266">
                  <c:v>8.31</c:v>
                </c:pt>
                <c:pt idx="267">
                  <c:v>8.34</c:v>
                </c:pt>
                <c:pt idx="268">
                  <c:v>8.3800000000000008</c:v>
                </c:pt>
                <c:pt idx="269">
                  <c:v>8.41</c:v>
                </c:pt>
                <c:pt idx="270">
                  <c:v>8.44</c:v>
                </c:pt>
                <c:pt idx="271">
                  <c:v>8.4700000000000006</c:v>
                </c:pt>
                <c:pt idx="272">
                  <c:v>8.5</c:v>
                </c:pt>
                <c:pt idx="273">
                  <c:v>8.5299999999999994</c:v>
                </c:pt>
                <c:pt idx="274">
                  <c:v>8.56</c:v>
                </c:pt>
                <c:pt idx="275">
                  <c:v>8.59</c:v>
                </c:pt>
                <c:pt idx="276">
                  <c:v>8.6300000000000008</c:v>
                </c:pt>
                <c:pt idx="277">
                  <c:v>8.66</c:v>
                </c:pt>
                <c:pt idx="278">
                  <c:v>8.69</c:v>
                </c:pt>
                <c:pt idx="279">
                  <c:v>8.7200000000000006</c:v>
                </c:pt>
                <c:pt idx="280">
                  <c:v>8.75</c:v>
                </c:pt>
                <c:pt idx="281">
                  <c:v>8.7799999999999994</c:v>
                </c:pt>
                <c:pt idx="282">
                  <c:v>8.81</c:v>
                </c:pt>
                <c:pt idx="283">
                  <c:v>8.84</c:v>
                </c:pt>
                <c:pt idx="284">
                  <c:v>8.8800000000000008</c:v>
                </c:pt>
                <c:pt idx="285">
                  <c:v>8.91</c:v>
                </c:pt>
                <c:pt idx="286">
                  <c:v>8.94</c:v>
                </c:pt>
                <c:pt idx="287">
                  <c:v>8.9700000000000006</c:v>
                </c:pt>
                <c:pt idx="288">
                  <c:v>9</c:v>
                </c:pt>
                <c:pt idx="289">
                  <c:v>9.0299999999999994</c:v>
                </c:pt>
                <c:pt idx="290">
                  <c:v>9.06</c:v>
                </c:pt>
                <c:pt idx="291">
                  <c:v>9.09</c:v>
                </c:pt>
                <c:pt idx="292">
                  <c:v>9.1300000000000008</c:v>
                </c:pt>
                <c:pt idx="293">
                  <c:v>9.16</c:v>
                </c:pt>
                <c:pt idx="294">
                  <c:v>9.19</c:v>
                </c:pt>
                <c:pt idx="295">
                  <c:v>9.2200000000000006</c:v>
                </c:pt>
                <c:pt idx="296">
                  <c:v>9.25</c:v>
                </c:pt>
                <c:pt idx="297">
                  <c:v>9.2799999999999994</c:v>
                </c:pt>
                <c:pt idx="298">
                  <c:v>9.31</c:v>
                </c:pt>
                <c:pt idx="299">
                  <c:v>9.34</c:v>
                </c:pt>
                <c:pt idx="300">
                  <c:v>9.3800000000000008</c:v>
                </c:pt>
                <c:pt idx="301">
                  <c:v>9.41</c:v>
                </c:pt>
                <c:pt idx="302">
                  <c:v>9.44</c:v>
                </c:pt>
                <c:pt idx="303">
                  <c:v>9.4700000000000006</c:v>
                </c:pt>
                <c:pt idx="304">
                  <c:v>9.5</c:v>
                </c:pt>
                <c:pt idx="305">
                  <c:v>9.5299999999999994</c:v>
                </c:pt>
                <c:pt idx="306">
                  <c:v>9.56</c:v>
                </c:pt>
                <c:pt idx="307">
                  <c:v>9.59</c:v>
                </c:pt>
                <c:pt idx="308">
                  <c:v>9.6300000000000008</c:v>
                </c:pt>
                <c:pt idx="309">
                  <c:v>9.66</c:v>
                </c:pt>
                <c:pt idx="310">
                  <c:v>9.69</c:v>
                </c:pt>
                <c:pt idx="311">
                  <c:v>9.7200000000000006</c:v>
                </c:pt>
                <c:pt idx="312">
                  <c:v>9.75</c:v>
                </c:pt>
                <c:pt idx="313">
                  <c:v>9.7799999999999994</c:v>
                </c:pt>
                <c:pt idx="314">
                  <c:v>9.81</c:v>
                </c:pt>
                <c:pt idx="315">
                  <c:v>9.84</c:v>
                </c:pt>
                <c:pt idx="316">
                  <c:v>9.8800000000000008</c:v>
                </c:pt>
                <c:pt idx="317">
                  <c:v>9.91</c:v>
                </c:pt>
                <c:pt idx="318">
                  <c:v>9.94</c:v>
                </c:pt>
                <c:pt idx="319">
                  <c:v>9.9700000000000006</c:v>
                </c:pt>
                <c:pt idx="320">
                  <c:v>10</c:v>
                </c:pt>
                <c:pt idx="321">
                  <c:v>10.029999999999999</c:v>
                </c:pt>
                <c:pt idx="322">
                  <c:v>10.06</c:v>
                </c:pt>
                <c:pt idx="323">
                  <c:v>10.09</c:v>
                </c:pt>
                <c:pt idx="324">
                  <c:v>10.130000000000001</c:v>
                </c:pt>
                <c:pt idx="325">
                  <c:v>10.16</c:v>
                </c:pt>
                <c:pt idx="326">
                  <c:v>10.19</c:v>
                </c:pt>
                <c:pt idx="327">
                  <c:v>10.220000000000001</c:v>
                </c:pt>
                <c:pt idx="328">
                  <c:v>10.25</c:v>
                </c:pt>
                <c:pt idx="329">
                  <c:v>10.28</c:v>
                </c:pt>
                <c:pt idx="330">
                  <c:v>10.31</c:v>
                </c:pt>
                <c:pt idx="331">
                  <c:v>10.34</c:v>
                </c:pt>
                <c:pt idx="332">
                  <c:v>10.38</c:v>
                </c:pt>
                <c:pt idx="333">
                  <c:v>10.41</c:v>
                </c:pt>
                <c:pt idx="334">
                  <c:v>10.44</c:v>
                </c:pt>
                <c:pt idx="335">
                  <c:v>10.47</c:v>
                </c:pt>
                <c:pt idx="336">
                  <c:v>10.5</c:v>
                </c:pt>
                <c:pt idx="337">
                  <c:v>10.53</c:v>
                </c:pt>
                <c:pt idx="338">
                  <c:v>10.56</c:v>
                </c:pt>
                <c:pt idx="339">
                  <c:v>10.59</c:v>
                </c:pt>
                <c:pt idx="340">
                  <c:v>10.63</c:v>
                </c:pt>
                <c:pt idx="341">
                  <c:v>10.66</c:v>
                </c:pt>
                <c:pt idx="342">
                  <c:v>10.69</c:v>
                </c:pt>
                <c:pt idx="343">
                  <c:v>10.72</c:v>
                </c:pt>
                <c:pt idx="344">
                  <c:v>10.75</c:v>
                </c:pt>
                <c:pt idx="345">
                  <c:v>10.78</c:v>
                </c:pt>
                <c:pt idx="346">
                  <c:v>10.81</c:v>
                </c:pt>
                <c:pt idx="347">
                  <c:v>10.84</c:v>
                </c:pt>
                <c:pt idx="348">
                  <c:v>10.88</c:v>
                </c:pt>
                <c:pt idx="349">
                  <c:v>10.91</c:v>
                </c:pt>
                <c:pt idx="350">
                  <c:v>10.94</c:v>
                </c:pt>
                <c:pt idx="351">
                  <c:v>10.97</c:v>
                </c:pt>
                <c:pt idx="352">
                  <c:v>11</c:v>
                </c:pt>
                <c:pt idx="353">
                  <c:v>11.03</c:v>
                </c:pt>
                <c:pt idx="354">
                  <c:v>11.06</c:v>
                </c:pt>
                <c:pt idx="355">
                  <c:v>11.09</c:v>
                </c:pt>
                <c:pt idx="356">
                  <c:v>11.13</c:v>
                </c:pt>
                <c:pt idx="357">
                  <c:v>11.16</c:v>
                </c:pt>
                <c:pt idx="358">
                  <c:v>11.19</c:v>
                </c:pt>
                <c:pt idx="359">
                  <c:v>11.22</c:v>
                </c:pt>
                <c:pt idx="360">
                  <c:v>11.25</c:v>
                </c:pt>
                <c:pt idx="361">
                  <c:v>11.28</c:v>
                </c:pt>
                <c:pt idx="362">
                  <c:v>11.31</c:v>
                </c:pt>
                <c:pt idx="363">
                  <c:v>11.34</c:v>
                </c:pt>
                <c:pt idx="364">
                  <c:v>11.38</c:v>
                </c:pt>
                <c:pt idx="365">
                  <c:v>11.41</c:v>
                </c:pt>
                <c:pt idx="366">
                  <c:v>11.44</c:v>
                </c:pt>
                <c:pt idx="367">
                  <c:v>11.47</c:v>
                </c:pt>
                <c:pt idx="368">
                  <c:v>11.5</c:v>
                </c:pt>
                <c:pt idx="369">
                  <c:v>11.53</c:v>
                </c:pt>
                <c:pt idx="370">
                  <c:v>11.56</c:v>
                </c:pt>
                <c:pt idx="371">
                  <c:v>11.59</c:v>
                </c:pt>
                <c:pt idx="372">
                  <c:v>11.63</c:v>
                </c:pt>
                <c:pt idx="373">
                  <c:v>11.66</c:v>
                </c:pt>
                <c:pt idx="374">
                  <c:v>11.69</c:v>
                </c:pt>
                <c:pt idx="375">
                  <c:v>11.72</c:v>
                </c:pt>
                <c:pt idx="376">
                  <c:v>11.75</c:v>
                </c:pt>
                <c:pt idx="377">
                  <c:v>11.78</c:v>
                </c:pt>
                <c:pt idx="378">
                  <c:v>11.81</c:v>
                </c:pt>
                <c:pt idx="379">
                  <c:v>11.84</c:v>
                </c:pt>
                <c:pt idx="380">
                  <c:v>11.88</c:v>
                </c:pt>
                <c:pt idx="381">
                  <c:v>11.91</c:v>
                </c:pt>
                <c:pt idx="382">
                  <c:v>11.94</c:v>
                </c:pt>
                <c:pt idx="383">
                  <c:v>11.97</c:v>
                </c:pt>
                <c:pt idx="384">
                  <c:v>12</c:v>
                </c:pt>
                <c:pt idx="385">
                  <c:v>12.03</c:v>
                </c:pt>
                <c:pt idx="386">
                  <c:v>12.06</c:v>
                </c:pt>
                <c:pt idx="387">
                  <c:v>12.09</c:v>
                </c:pt>
                <c:pt idx="388">
                  <c:v>12.13</c:v>
                </c:pt>
                <c:pt idx="389">
                  <c:v>12.16</c:v>
                </c:pt>
                <c:pt idx="390">
                  <c:v>12.19</c:v>
                </c:pt>
                <c:pt idx="391">
                  <c:v>12.22</c:v>
                </c:pt>
                <c:pt idx="392">
                  <c:v>12.25</c:v>
                </c:pt>
                <c:pt idx="393">
                  <c:v>12.28</c:v>
                </c:pt>
                <c:pt idx="394">
                  <c:v>12.31</c:v>
                </c:pt>
                <c:pt idx="395">
                  <c:v>12.34</c:v>
                </c:pt>
                <c:pt idx="396">
                  <c:v>12.38</c:v>
                </c:pt>
                <c:pt idx="397">
                  <c:v>12.41</c:v>
                </c:pt>
                <c:pt idx="398">
                  <c:v>12.44</c:v>
                </c:pt>
                <c:pt idx="399">
                  <c:v>12.47</c:v>
                </c:pt>
                <c:pt idx="400">
                  <c:v>12.5</c:v>
                </c:pt>
                <c:pt idx="401">
                  <c:v>12.53</c:v>
                </c:pt>
                <c:pt idx="402">
                  <c:v>12.56</c:v>
                </c:pt>
                <c:pt idx="403">
                  <c:v>12.59</c:v>
                </c:pt>
                <c:pt idx="404">
                  <c:v>12.63</c:v>
                </c:pt>
                <c:pt idx="405">
                  <c:v>12.66</c:v>
                </c:pt>
                <c:pt idx="406">
                  <c:v>12.69</c:v>
                </c:pt>
                <c:pt idx="407">
                  <c:v>12.72</c:v>
                </c:pt>
                <c:pt idx="408">
                  <c:v>12.75</c:v>
                </c:pt>
                <c:pt idx="409">
                  <c:v>12.78</c:v>
                </c:pt>
                <c:pt idx="410">
                  <c:v>12.81</c:v>
                </c:pt>
                <c:pt idx="411">
                  <c:v>12.84</c:v>
                </c:pt>
                <c:pt idx="412">
                  <c:v>12.88</c:v>
                </c:pt>
                <c:pt idx="413">
                  <c:v>12.91</c:v>
                </c:pt>
                <c:pt idx="414">
                  <c:v>12.94</c:v>
                </c:pt>
                <c:pt idx="415">
                  <c:v>12.97</c:v>
                </c:pt>
                <c:pt idx="416">
                  <c:v>13</c:v>
                </c:pt>
                <c:pt idx="417">
                  <c:v>13.03</c:v>
                </c:pt>
                <c:pt idx="418">
                  <c:v>13.06</c:v>
                </c:pt>
                <c:pt idx="419">
                  <c:v>13.09</c:v>
                </c:pt>
                <c:pt idx="420">
                  <c:v>13.13</c:v>
                </c:pt>
                <c:pt idx="421">
                  <c:v>13.16</c:v>
                </c:pt>
                <c:pt idx="422">
                  <c:v>13.19</c:v>
                </c:pt>
                <c:pt idx="423">
                  <c:v>13.22</c:v>
                </c:pt>
                <c:pt idx="424">
                  <c:v>13.25</c:v>
                </c:pt>
                <c:pt idx="425">
                  <c:v>13.28</c:v>
                </c:pt>
                <c:pt idx="426">
                  <c:v>13.31</c:v>
                </c:pt>
                <c:pt idx="427">
                  <c:v>13.34</c:v>
                </c:pt>
                <c:pt idx="428">
                  <c:v>13.38</c:v>
                </c:pt>
                <c:pt idx="429">
                  <c:v>13.41</c:v>
                </c:pt>
                <c:pt idx="430">
                  <c:v>13.44</c:v>
                </c:pt>
                <c:pt idx="431">
                  <c:v>13.47</c:v>
                </c:pt>
                <c:pt idx="432">
                  <c:v>13.5</c:v>
                </c:pt>
                <c:pt idx="433">
                  <c:v>13.53</c:v>
                </c:pt>
                <c:pt idx="434">
                  <c:v>13.56</c:v>
                </c:pt>
                <c:pt idx="435">
                  <c:v>13.59</c:v>
                </c:pt>
                <c:pt idx="436">
                  <c:v>13.63</c:v>
                </c:pt>
                <c:pt idx="437">
                  <c:v>13.66</c:v>
                </c:pt>
                <c:pt idx="438">
                  <c:v>13.69</c:v>
                </c:pt>
                <c:pt idx="439">
                  <c:v>13.72</c:v>
                </c:pt>
                <c:pt idx="440">
                  <c:v>13.75</c:v>
                </c:pt>
                <c:pt idx="441">
                  <c:v>13.78</c:v>
                </c:pt>
                <c:pt idx="442">
                  <c:v>13.81</c:v>
                </c:pt>
                <c:pt idx="443">
                  <c:v>13.84</c:v>
                </c:pt>
                <c:pt idx="444">
                  <c:v>13.88</c:v>
                </c:pt>
                <c:pt idx="445">
                  <c:v>13.91</c:v>
                </c:pt>
                <c:pt idx="446">
                  <c:v>13.94</c:v>
                </c:pt>
                <c:pt idx="447">
                  <c:v>13.97</c:v>
                </c:pt>
                <c:pt idx="448">
                  <c:v>14</c:v>
                </c:pt>
                <c:pt idx="449">
                  <c:v>14.03</c:v>
                </c:pt>
                <c:pt idx="450">
                  <c:v>14.06</c:v>
                </c:pt>
                <c:pt idx="451">
                  <c:v>14.09</c:v>
                </c:pt>
                <c:pt idx="452">
                  <c:v>14.13</c:v>
                </c:pt>
                <c:pt idx="453">
                  <c:v>14.16</c:v>
                </c:pt>
                <c:pt idx="454">
                  <c:v>14.19</c:v>
                </c:pt>
                <c:pt idx="455">
                  <c:v>14.22</c:v>
                </c:pt>
                <c:pt idx="456">
                  <c:v>14.25</c:v>
                </c:pt>
                <c:pt idx="457">
                  <c:v>14.28</c:v>
                </c:pt>
                <c:pt idx="458">
                  <c:v>14.31</c:v>
                </c:pt>
                <c:pt idx="459">
                  <c:v>14.34</c:v>
                </c:pt>
                <c:pt idx="460">
                  <c:v>14.38</c:v>
                </c:pt>
                <c:pt idx="461">
                  <c:v>14.41</c:v>
                </c:pt>
                <c:pt idx="462">
                  <c:v>14.44</c:v>
                </c:pt>
                <c:pt idx="463">
                  <c:v>14.47</c:v>
                </c:pt>
                <c:pt idx="464">
                  <c:v>14.5</c:v>
                </c:pt>
                <c:pt idx="465">
                  <c:v>14.53</c:v>
                </c:pt>
                <c:pt idx="466">
                  <c:v>14.56</c:v>
                </c:pt>
                <c:pt idx="467">
                  <c:v>14.59</c:v>
                </c:pt>
                <c:pt idx="468">
                  <c:v>14.63</c:v>
                </c:pt>
                <c:pt idx="469">
                  <c:v>14.66</c:v>
                </c:pt>
                <c:pt idx="470">
                  <c:v>14.69</c:v>
                </c:pt>
                <c:pt idx="471">
                  <c:v>14.72</c:v>
                </c:pt>
                <c:pt idx="472">
                  <c:v>14.75</c:v>
                </c:pt>
                <c:pt idx="473">
                  <c:v>14.78</c:v>
                </c:pt>
                <c:pt idx="474">
                  <c:v>14.81</c:v>
                </c:pt>
                <c:pt idx="475">
                  <c:v>14.84</c:v>
                </c:pt>
                <c:pt idx="476">
                  <c:v>14.88</c:v>
                </c:pt>
                <c:pt idx="477">
                  <c:v>14.91</c:v>
                </c:pt>
                <c:pt idx="478">
                  <c:v>14.94</c:v>
                </c:pt>
                <c:pt idx="479">
                  <c:v>14.97</c:v>
                </c:pt>
                <c:pt idx="480">
                  <c:v>15</c:v>
                </c:pt>
                <c:pt idx="481">
                  <c:v>15.03</c:v>
                </c:pt>
                <c:pt idx="482">
                  <c:v>15.06</c:v>
                </c:pt>
                <c:pt idx="483">
                  <c:v>15.09</c:v>
                </c:pt>
                <c:pt idx="484">
                  <c:v>15.13</c:v>
                </c:pt>
                <c:pt idx="485">
                  <c:v>15.16</c:v>
                </c:pt>
                <c:pt idx="486">
                  <c:v>15.19</c:v>
                </c:pt>
                <c:pt idx="487">
                  <c:v>15.22</c:v>
                </c:pt>
                <c:pt idx="488">
                  <c:v>15.25</c:v>
                </c:pt>
                <c:pt idx="489">
                  <c:v>15.28</c:v>
                </c:pt>
                <c:pt idx="490">
                  <c:v>15.31</c:v>
                </c:pt>
                <c:pt idx="491">
                  <c:v>15.34</c:v>
                </c:pt>
                <c:pt idx="492">
                  <c:v>15.38</c:v>
                </c:pt>
                <c:pt idx="493">
                  <c:v>15.41</c:v>
                </c:pt>
                <c:pt idx="494">
                  <c:v>15.44</c:v>
                </c:pt>
                <c:pt idx="495">
                  <c:v>15.47</c:v>
                </c:pt>
                <c:pt idx="496">
                  <c:v>15.5</c:v>
                </c:pt>
                <c:pt idx="497">
                  <c:v>15.53</c:v>
                </c:pt>
                <c:pt idx="498">
                  <c:v>15.56</c:v>
                </c:pt>
                <c:pt idx="499">
                  <c:v>15.59</c:v>
                </c:pt>
                <c:pt idx="500">
                  <c:v>15.63</c:v>
                </c:pt>
                <c:pt idx="501">
                  <c:v>15.66</c:v>
                </c:pt>
                <c:pt idx="502">
                  <c:v>15.69</c:v>
                </c:pt>
                <c:pt idx="503">
                  <c:v>15.72</c:v>
                </c:pt>
                <c:pt idx="504">
                  <c:v>15.75</c:v>
                </c:pt>
                <c:pt idx="505">
                  <c:v>15.78</c:v>
                </c:pt>
                <c:pt idx="506">
                  <c:v>15.81</c:v>
                </c:pt>
                <c:pt idx="507">
                  <c:v>15.84</c:v>
                </c:pt>
                <c:pt idx="508">
                  <c:v>15.88</c:v>
                </c:pt>
                <c:pt idx="509">
                  <c:v>15.91</c:v>
                </c:pt>
                <c:pt idx="510">
                  <c:v>15.94</c:v>
                </c:pt>
                <c:pt idx="511">
                  <c:v>15.97</c:v>
                </c:pt>
                <c:pt idx="512">
                  <c:v>16</c:v>
                </c:pt>
                <c:pt idx="513">
                  <c:v>16.03</c:v>
                </c:pt>
                <c:pt idx="514">
                  <c:v>16.059999999999999</c:v>
                </c:pt>
                <c:pt idx="515">
                  <c:v>16.09</c:v>
                </c:pt>
                <c:pt idx="516">
                  <c:v>16.13</c:v>
                </c:pt>
                <c:pt idx="517">
                  <c:v>16.16</c:v>
                </c:pt>
                <c:pt idx="518">
                  <c:v>16.190000000000001</c:v>
                </c:pt>
                <c:pt idx="519">
                  <c:v>16.22</c:v>
                </c:pt>
                <c:pt idx="520">
                  <c:v>16.25</c:v>
                </c:pt>
                <c:pt idx="521">
                  <c:v>16.28</c:v>
                </c:pt>
                <c:pt idx="522">
                  <c:v>16.309999999999999</c:v>
                </c:pt>
                <c:pt idx="523">
                  <c:v>16.34</c:v>
                </c:pt>
                <c:pt idx="524">
                  <c:v>16.38</c:v>
                </c:pt>
                <c:pt idx="525">
                  <c:v>16.41</c:v>
                </c:pt>
                <c:pt idx="526">
                  <c:v>16.440000000000001</c:v>
                </c:pt>
                <c:pt idx="527">
                  <c:v>16.47</c:v>
                </c:pt>
                <c:pt idx="528">
                  <c:v>16.5</c:v>
                </c:pt>
                <c:pt idx="529">
                  <c:v>16.53</c:v>
                </c:pt>
                <c:pt idx="530">
                  <c:v>16.559999999999999</c:v>
                </c:pt>
                <c:pt idx="531">
                  <c:v>16.59</c:v>
                </c:pt>
                <c:pt idx="532">
                  <c:v>16.63</c:v>
                </c:pt>
                <c:pt idx="533">
                  <c:v>16.66</c:v>
                </c:pt>
                <c:pt idx="534">
                  <c:v>16.690000000000001</c:v>
                </c:pt>
                <c:pt idx="535">
                  <c:v>16.72</c:v>
                </c:pt>
                <c:pt idx="536">
                  <c:v>16.75</c:v>
                </c:pt>
                <c:pt idx="537">
                  <c:v>16.78</c:v>
                </c:pt>
                <c:pt idx="538">
                  <c:v>16.809999999999999</c:v>
                </c:pt>
                <c:pt idx="539">
                  <c:v>16.84</c:v>
                </c:pt>
                <c:pt idx="540">
                  <c:v>16.88</c:v>
                </c:pt>
                <c:pt idx="541">
                  <c:v>16.91</c:v>
                </c:pt>
                <c:pt idx="542">
                  <c:v>16.940000000000001</c:v>
                </c:pt>
                <c:pt idx="543">
                  <c:v>16.97</c:v>
                </c:pt>
                <c:pt idx="544">
                  <c:v>17</c:v>
                </c:pt>
                <c:pt idx="545">
                  <c:v>17.03</c:v>
                </c:pt>
                <c:pt idx="546">
                  <c:v>17.059999999999999</c:v>
                </c:pt>
                <c:pt idx="547">
                  <c:v>17.09</c:v>
                </c:pt>
                <c:pt idx="548">
                  <c:v>17.13</c:v>
                </c:pt>
                <c:pt idx="549">
                  <c:v>17.16</c:v>
                </c:pt>
                <c:pt idx="550">
                  <c:v>17.190000000000001</c:v>
                </c:pt>
                <c:pt idx="551">
                  <c:v>17.22</c:v>
                </c:pt>
                <c:pt idx="552">
                  <c:v>17.25</c:v>
                </c:pt>
                <c:pt idx="553">
                  <c:v>17.28</c:v>
                </c:pt>
                <c:pt idx="554">
                  <c:v>17.309999999999999</c:v>
                </c:pt>
                <c:pt idx="555">
                  <c:v>17.34</c:v>
                </c:pt>
                <c:pt idx="556">
                  <c:v>17.38</c:v>
                </c:pt>
                <c:pt idx="557">
                  <c:v>17.41</c:v>
                </c:pt>
                <c:pt idx="558">
                  <c:v>17.440000000000001</c:v>
                </c:pt>
                <c:pt idx="559">
                  <c:v>17.47</c:v>
                </c:pt>
                <c:pt idx="560">
                  <c:v>17.5</c:v>
                </c:pt>
                <c:pt idx="561">
                  <c:v>17.53</c:v>
                </c:pt>
                <c:pt idx="562">
                  <c:v>17.559999999999999</c:v>
                </c:pt>
                <c:pt idx="563">
                  <c:v>17.59</c:v>
                </c:pt>
                <c:pt idx="564">
                  <c:v>17.63</c:v>
                </c:pt>
                <c:pt idx="565">
                  <c:v>17.66</c:v>
                </c:pt>
                <c:pt idx="566">
                  <c:v>17.690000000000001</c:v>
                </c:pt>
                <c:pt idx="567">
                  <c:v>17.72</c:v>
                </c:pt>
                <c:pt idx="568">
                  <c:v>17.75</c:v>
                </c:pt>
                <c:pt idx="569">
                  <c:v>17.78</c:v>
                </c:pt>
                <c:pt idx="570">
                  <c:v>17.809999999999999</c:v>
                </c:pt>
                <c:pt idx="571">
                  <c:v>17.84</c:v>
                </c:pt>
                <c:pt idx="572">
                  <c:v>17.88</c:v>
                </c:pt>
                <c:pt idx="573">
                  <c:v>17.91</c:v>
                </c:pt>
                <c:pt idx="574">
                  <c:v>17.940000000000001</c:v>
                </c:pt>
                <c:pt idx="575">
                  <c:v>17.97</c:v>
                </c:pt>
                <c:pt idx="576">
                  <c:v>18</c:v>
                </c:pt>
                <c:pt idx="577">
                  <c:v>18.03</c:v>
                </c:pt>
                <c:pt idx="578">
                  <c:v>18.059999999999999</c:v>
                </c:pt>
                <c:pt idx="579">
                  <c:v>18.09</c:v>
                </c:pt>
                <c:pt idx="580">
                  <c:v>18.13</c:v>
                </c:pt>
                <c:pt idx="581">
                  <c:v>18.16</c:v>
                </c:pt>
                <c:pt idx="582">
                  <c:v>18.190000000000001</c:v>
                </c:pt>
                <c:pt idx="583">
                  <c:v>18.22</c:v>
                </c:pt>
                <c:pt idx="584">
                  <c:v>18.25</c:v>
                </c:pt>
                <c:pt idx="585">
                  <c:v>18.28</c:v>
                </c:pt>
                <c:pt idx="586">
                  <c:v>18.309999999999999</c:v>
                </c:pt>
                <c:pt idx="587">
                  <c:v>18.34</c:v>
                </c:pt>
                <c:pt idx="588">
                  <c:v>18.38</c:v>
                </c:pt>
                <c:pt idx="589">
                  <c:v>18.41</c:v>
                </c:pt>
                <c:pt idx="590">
                  <c:v>18.440000000000001</c:v>
                </c:pt>
                <c:pt idx="591">
                  <c:v>18.47</c:v>
                </c:pt>
                <c:pt idx="592">
                  <c:v>18.5</c:v>
                </c:pt>
                <c:pt idx="593">
                  <c:v>18.53</c:v>
                </c:pt>
                <c:pt idx="594">
                  <c:v>18.559999999999999</c:v>
                </c:pt>
                <c:pt idx="595">
                  <c:v>18.59</c:v>
                </c:pt>
                <c:pt idx="596">
                  <c:v>18.63</c:v>
                </c:pt>
                <c:pt idx="597">
                  <c:v>18.66</c:v>
                </c:pt>
                <c:pt idx="598">
                  <c:v>18.690000000000001</c:v>
                </c:pt>
                <c:pt idx="599">
                  <c:v>18.72</c:v>
                </c:pt>
                <c:pt idx="600">
                  <c:v>18.75</c:v>
                </c:pt>
                <c:pt idx="601">
                  <c:v>18.78</c:v>
                </c:pt>
                <c:pt idx="602">
                  <c:v>18.809999999999999</c:v>
                </c:pt>
                <c:pt idx="603">
                  <c:v>18.84</c:v>
                </c:pt>
                <c:pt idx="604">
                  <c:v>18.88</c:v>
                </c:pt>
                <c:pt idx="605">
                  <c:v>18.91</c:v>
                </c:pt>
                <c:pt idx="606">
                  <c:v>18.940000000000001</c:v>
                </c:pt>
                <c:pt idx="607">
                  <c:v>18.97</c:v>
                </c:pt>
                <c:pt idx="608">
                  <c:v>19</c:v>
                </c:pt>
                <c:pt idx="609">
                  <c:v>19.03</c:v>
                </c:pt>
                <c:pt idx="610">
                  <c:v>19.059999999999999</c:v>
                </c:pt>
                <c:pt idx="611">
                  <c:v>19.09</c:v>
                </c:pt>
                <c:pt idx="612">
                  <c:v>19.13</c:v>
                </c:pt>
                <c:pt idx="613">
                  <c:v>19.16</c:v>
                </c:pt>
                <c:pt idx="614">
                  <c:v>19.190000000000001</c:v>
                </c:pt>
                <c:pt idx="615">
                  <c:v>19.22</c:v>
                </c:pt>
                <c:pt idx="616">
                  <c:v>19.25</c:v>
                </c:pt>
                <c:pt idx="617">
                  <c:v>19.28</c:v>
                </c:pt>
                <c:pt idx="618">
                  <c:v>19.309999999999999</c:v>
                </c:pt>
                <c:pt idx="619">
                  <c:v>19.34</c:v>
                </c:pt>
                <c:pt idx="620">
                  <c:v>19.38</c:v>
                </c:pt>
                <c:pt idx="621">
                  <c:v>19.41</c:v>
                </c:pt>
                <c:pt idx="622">
                  <c:v>19.440000000000001</c:v>
                </c:pt>
                <c:pt idx="623">
                  <c:v>19.47</c:v>
                </c:pt>
                <c:pt idx="624">
                  <c:v>19.5</c:v>
                </c:pt>
                <c:pt idx="625">
                  <c:v>19.53</c:v>
                </c:pt>
                <c:pt idx="626">
                  <c:v>19.559999999999999</c:v>
                </c:pt>
                <c:pt idx="627">
                  <c:v>19.59</c:v>
                </c:pt>
                <c:pt idx="628">
                  <c:v>19.63</c:v>
                </c:pt>
                <c:pt idx="629">
                  <c:v>19.66</c:v>
                </c:pt>
                <c:pt idx="630">
                  <c:v>19.690000000000001</c:v>
                </c:pt>
                <c:pt idx="631">
                  <c:v>19.72</c:v>
                </c:pt>
                <c:pt idx="632">
                  <c:v>19.75</c:v>
                </c:pt>
                <c:pt idx="633">
                  <c:v>19.78</c:v>
                </c:pt>
                <c:pt idx="634">
                  <c:v>19.809999999999999</c:v>
                </c:pt>
                <c:pt idx="635">
                  <c:v>19.84</c:v>
                </c:pt>
                <c:pt idx="636">
                  <c:v>19.88</c:v>
                </c:pt>
                <c:pt idx="637">
                  <c:v>19.91</c:v>
                </c:pt>
                <c:pt idx="638">
                  <c:v>19.940000000000001</c:v>
                </c:pt>
                <c:pt idx="639">
                  <c:v>19.97</c:v>
                </c:pt>
                <c:pt idx="640">
                  <c:v>20</c:v>
                </c:pt>
                <c:pt idx="641">
                  <c:v>20.03</c:v>
                </c:pt>
                <c:pt idx="642">
                  <c:v>20.059999999999999</c:v>
                </c:pt>
                <c:pt idx="643">
                  <c:v>20.09</c:v>
                </c:pt>
                <c:pt idx="644">
                  <c:v>20.13</c:v>
                </c:pt>
                <c:pt idx="645">
                  <c:v>20.16</c:v>
                </c:pt>
                <c:pt idx="646">
                  <c:v>20.190000000000001</c:v>
                </c:pt>
                <c:pt idx="647">
                  <c:v>20.22</c:v>
                </c:pt>
                <c:pt idx="648">
                  <c:v>20.25</c:v>
                </c:pt>
                <c:pt idx="649">
                  <c:v>20.28</c:v>
                </c:pt>
                <c:pt idx="650">
                  <c:v>20.309999999999999</c:v>
                </c:pt>
                <c:pt idx="651">
                  <c:v>20.34</c:v>
                </c:pt>
                <c:pt idx="652">
                  <c:v>20.38</c:v>
                </c:pt>
                <c:pt idx="653">
                  <c:v>20.41</c:v>
                </c:pt>
                <c:pt idx="654">
                  <c:v>20.440000000000001</c:v>
                </c:pt>
                <c:pt idx="655">
                  <c:v>20.47</c:v>
                </c:pt>
                <c:pt idx="656">
                  <c:v>20.5</c:v>
                </c:pt>
                <c:pt idx="657">
                  <c:v>20.53</c:v>
                </c:pt>
                <c:pt idx="658">
                  <c:v>20.56</c:v>
                </c:pt>
                <c:pt idx="659">
                  <c:v>20.59</c:v>
                </c:pt>
                <c:pt idx="660">
                  <c:v>20.63</c:v>
                </c:pt>
                <c:pt idx="661">
                  <c:v>20.66</c:v>
                </c:pt>
                <c:pt idx="662">
                  <c:v>20.69</c:v>
                </c:pt>
                <c:pt idx="663">
                  <c:v>20.72</c:v>
                </c:pt>
                <c:pt idx="664">
                  <c:v>20.75</c:v>
                </c:pt>
                <c:pt idx="665">
                  <c:v>20.78</c:v>
                </c:pt>
                <c:pt idx="666">
                  <c:v>20.81</c:v>
                </c:pt>
                <c:pt idx="667">
                  <c:v>20.84</c:v>
                </c:pt>
                <c:pt idx="668">
                  <c:v>20.88</c:v>
                </c:pt>
                <c:pt idx="669">
                  <c:v>20.91</c:v>
                </c:pt>
                <c:pt idx="670">
                  <c:v>20.94</c:v>
                </c:pt>
                <c:pt idx="671">
                  <c:v>20.97</c:v>
                </c:pt>
                <c:pt idx="672">
                  <c:v>21</c:v>
                </c:pt>
                <c:pt idx="673">
                  <c:v>21.03</c:v>
                </c:pt>
                <c:pt idx="674">
                  <c:v>21.06</c:v>
                </c:pt>
                <c:pt idx="675">
                  <c:v>21.09</c:v>
                </c:pt>
                <c:pt idx="676">
                  <c:v>21.13</c:v>
                </c:pt>
                <c:pt idx="677">
                  <c:v>21.16</c:v>
                </c:pt>
                <c:pt idx="678">
                  <c:v>21.19</c:v>
                </c:pt>
                <c:pt idx="679">
                  <c:v>21.22</c:v>
                </c:pt>
                <c:pt idx="680">
                  <c:v>21.25</c:v>
                </c:pt>
                <c:pt idx="681">
                  <c:v>21.28</c:v>
                </c:pt>
                <c:pt idx="682">
                  <c:v>21.31</c:v>
                </c:pt>
                <c:pt idx="683">
                  <c:v>21.34</c:v>
                </c:pt>
                <c:pt idx="684">
                  <c:v>21.38</c:v>
                </c:pt>
                <c:pt idx="685">
                  <c:v>21.41</c:v>
                </c:pt>
                <c:pt idx="686">
                  <c:v>21.44</c:v>
                </c:pt>
                <c:pt idx="687">
                  <c:v>21.47</c:v>
                </c:pt>
                <c:pt idx="688">
                  <c:v>21.5</c:v>
                </c:pt>
                <c:pt idx="689">
                  <c:v>21.53</c:v>
                </c:pt>
                <c:pt idx="690">
                  <c:v>21.56</c:v>
                </c:pt>
                <c:pt idx="691">
                  <c:v>21.59</c:v>
                </c:pt>
                <c:pt idx="692">
                  <c:v>21.63</c:v>
                </c:pt>
                <c:pt idx="693">
                  <c:v>21.66</c:v>
                </c:pt>
                <c:pt idx="694">
                  <c:v>21.69</c:v>
                </c:pt>
                <c:pt idx="695">
                  <c:v>21.72</c:v>
                </c:pt>
                <c:pt idx="696">
                  <c:v>21.75</c:v>
                </c:pt>
                <c:pt idx="697">
                  <c:v>21.78</c:v>
                </c:pt>
                <c:pt idx="698">
                  <c:v>21.81</c:v>
                </c:pt>
                <c:pt idx="699">
                  <c:v>21.84</c:v>
                </c:pt>
                <c:pt idx="700">
                  <c:v>21.88</c:v>
                </c:pt>
                <c:pt idx="701">
                  <c:v>21.91</c:v>
                </c:pt>
                <c:pt idx="702">
                  <c:v>21.94</c:v>
                </c:pt>
                <c:pt idx="703">
                  <c:v>21.97</c:v>
                </c:pt>
                <c:pt idx="704">
                  <c:v>22</c:v>
                </c:pt>
                <c:pt idx="705">
                  <c:v>22.03</c:v>
                </c:pt>
                <c:pt idx="706">
                  <c:v>22.06</c:v>
                </c:pt>
                <c:pt idx="707">
                  <c:v>22.09</c:v>
                </c:pt>
                <c:pt idx="708">
                  <c:v>22.13</c:v>
                </c:pt>
                <c:pt idx="709">
                  <c:v>22.16</c:v>
                </c:pt>
                <c:pt idx="710">
                  <c:v>22.19</c:v>
                </c:pt>
                <c:pt idx="711">
                  <c:v>22.22</c:v>
                </c:pt>
                <c:pt idx="712">
                  <c:v>22.25</c:v>
                </c:pt>
                <c:pt idx="713">
                  <c:v>22.28</c:v>
                </c:pt>
                <c:pt idx="714">
                  <c:v>22.31</c:v>
                </c:pt>
                <c:pt idx="715">
                  <c:v>22.34</c:v>
                </c:pt>
                <c:pt idx="716">
                  <c:v>22.38</c:v>
                </c:pt>
                <c:pt idx="717">
                  <c:v>22.41</c:v>
                </c:pt>
                <c:pt idx="718">
                  <c:v>22.44</c:v>
                </c:pt>
                <c:pt idx="719">
                  <c:v>22.47</c:v>
                </c:pt>
                <c:pt idx="720">
                  <c:v>22.5</c:v>
                </c:pt>
                <c:pt idx="721">
                  <c:v>22.53</c:v>
                </c:pt>
                <c:pt idx="722">
                  <c:v>22.56</c:v>
                </c:pt>
                <c:pt idx="723">
                  <c:v>22.59</c:v>
                </c:pt>
                <c:pt idx="724">
                  <c:v>22.63</c:v>
                </c:pt>
                <c:pt idx="725">
                  <c:v>22.66</c:v>
                </c:pt>
                <c:pt idx="726">
                  <c:v>22.69</c:v>
                </c:pt>
                <c:pt idx="727">
                  <c:v>22.72</c:v>
                </c:pt>
                <c:pt idx="728">
                  <c:v>22.75</c:v>
                </c:pt>
                <c:pt idx="729">
                  <c:v>22.78</c:v>
                </c:pt>
                <c:pt idx="730">
                  <c:v>22.81</c:v>
                </c:pt>
                <c:pt idx="731">
                  <c:v>22.84</c:v>
                </c:pt>
                <c:pt idx="732">
                  <c:v>22.88</c:v>
                </c:pt>
                <c:pt idx="733">
                  <c:v>22.91</c:v>
                </c:pt>
                <c:pt idx="734">
                  <c:v>22.94</c:v>
                </c:pt>
                <c:pt idx="735">
                  <c:v>22.97</c:v>
                </c:pt>
                <c:pt idx="736">
                  <c:v>23</c:v>
                </c:pt>
                <c:pt idx="737">
                  <c:v>23.03</c:v>
                </c:pt>
                <c:pt idx="738">
                  <c:v>23.06</c:v>
                </c:pt>
                <c:pt idx="739">
                  <c:v>23.09</c:v>
                </c:pt>
                <c:pt idx="740">
                  <c:v>23.13</c:v>
                </c:pt>
                <c:pt idx="741">
                  <c:v>23.16</c:v>
                </c:pt>
                <c:pt idx="742">
                  <c:v>23.19</c:v>
                </c:pt>
                <c:pt idx="743">
                  <c:v>23.22</c:v>
                </c:pt>
                <c:pt idx="744">
                  <c:v>23.25</c:v>
                </c:pt>
                <c:pt idx="745">
                  <c:v>23.28</c:v>
                </c:pt>
                <c:pt idx="746">
                  <c:v>23.31</c:v>
                </c:pt>
                <c:pt idx="747">
                  <c:v>23.34</c:v>
                </c:pt>
                <c:pt idx="748">
                  <c:v>23.38</c:v>
                </c:pt>
                <c:pt idx="749">
                  <c:v>23.41</c:v>
                </c:pt>
                <c:pt idx="750">
                  <c:v>23.44</c:v>
                </c:pt>
                <c:pt idx="751">
                  <c:v>23.47</c:v>
                </c:pt>
                <c:pt idx="752">
                  <c:v>23.5</c:v>
                </c:pt>
                <c:pt idx="753">
                  <c:v>23.53</c:v>
                </c:pt>
                <c:pt idx="754">
                  <c:v>23.56</c:v>
                </c:pt>
                <c:pt idx="755">
                  <c:v>23.59</c:v>
                </c:pt>
                <c:pt idx="756">
                  <c:v>23.63</c:v>
                </c:pt>
                <c:pt idx="757">
                  <c:v>23.66</c:v>
                </c:pt>
                <c:pt idx="758">
                  <c:v>23.69</c:v>
                </c:pt>
                <c:pt idx="759">
                  <c:v>23.72</c:v>
                </c:pt>
                <c:pt idx="760">
                  <c:v>23.75</c:v>
                </c:pt>
                <c:pt idx="761">
                  <c:v>23.78</c:v>
                </c:pt>
                <c:pt idx="762">
                  <c:v>23.81</c:v>
                </c:pt>
                <c:pt idx="763">
                  <c:v>23.84</c:v>
                </c:pt>
                <c:pt idx="764">
                  <c:v>23.88</c:v>
                </c:pt>
                <c:pt idx="765">
                  <c:v>23.91</c:v>
                </c:pt>
                <c:pt idx="766">
                  <c:v>23.94</c:v>
                </c:pt>
                <c:pt idx="767">
                  <c:v>23.97</c:v>
                </c:pt>
                <c:pt idx="768">
                  <c:v>24</c:v>
                </c:pt>
                <c:pt idx="769">
                  <c:v>24.03</c:v>
                </c:pt>
                <c:pt idx="770">
                  <c:v>24.06</c:v>
                </c:pt>
                <c:pt idx="771">
                  <c:v>24.09</c:v>
                </c:pt>
                <c:pt idx="772">
                  <c:v>24.13</c:v>
                </c:pt>
                <c:pt idx="773">
                  <c:v>24.16</c:v>
                </c:pt>
                <c:pt idx="774">
                  <c:v>24.19</c:v>
                </c:pt>
                <c:pt idx="775">
                  <c:v>24.22</c:v>
                </c:pt>
                <c:pt idx="776">
                  <c:v>24.25</c:v>
                </c:pt>
                <c:pt idx="777">
                  <c:v>24.28</c:v>
                </c:pt>
                <c:pt idx="778">
                  <c:v>24.31</c:v>
                </c:pt>
                <c:pt idx="779">
                  <c:v>24.34</c:v>
                </c:pt>
                <c:pt idx="780">
                  <c:v>24.38</c:v>
                </c:pt>
                <c:pt idx="781">
                  <c:v>24.41</c:v>
                </c:pt>
                <c:pt idx="782">
                  <c:v>24.44</c:v>
                </c:pt>
                <c:pt idx="783">
                  <c:v>24.47</c:v>
                </c:pt>
                <c:pt idx="784">
                  <c:v>24.5</c:v>
                </c:pt>
                <c:pt idx="785">
                  <c:v>24.53</c:v>
                </c:pt>
                <c:pt idx="786">
                  <c:v>24.56</c:v>
                </c:pt>
                <c:pt idx="787">
                  <c:v>24.59</c:v>
                </c:pt>
                <c:pt idx="788">
                  <c:v>24.63</c:v>
                </c:pt>
                <c:pt idx="789">
                  <c:v>24.66</c:v>
                </c:pt>
                <c:pt idx="790">
                  <c:v>24.69</c:v>
                </c:pt>
                <c:pt idx="791">
                  <c:v>24.72</c:v>
                </c:pt>
                <c:pt idx="792">
                  <c:v>24.75</c:v>
                </c:pt>
                <c:pt idx="793">
                  <c:v>24.78</c:v>
                </c:pt>
                <c:pt idx="794">
                  <c:v>24.81</c:v>
                </c:pt>
                <c:pt idx="795">
                  <c:v>24.84</c:v>
                </c:pt>
                <c:pt idx="796">
                  <c:v>24.88</c:v>
                </c:pt>
                <c:pt idx="797">
                  <c:v>24.91</c:v>
                </c:pt>
                <c:pt idx="798">
                  <c:v>24.94</c:v>
                </c:pt>
                <c:pt idx="799">
                  <c:v>24.97</c:v>
                </c:pt>
                <c:pt idx="800">
                  <c:v>25</c:v>
                </c:pt>
                <c:pt idx="801">
                  <c:v>25.03</c:v>
                </c:pt>
                <c:pt idx="802">
                  <c:v>25.06</c:v>
                </c:pt>
                <c:pt idx="803">
                  <c:v>25.09</c:v>
                </c:pt>
                <c:pt idx="804">
                  <c:v>25.13</c:v>
                </c:pt>
                <c:pt idx="805">
                  <c:v>25.16</c:v>
                </c:pt>
                <c:pt idx="806">
                  <c:v>25.19</c:v>
                </c:pt>
                <c:pt idx="807">
                  <c:v>25.22</c:v>
                </c:pt>
                <c:pt idx="808">
                  <c:v>25.25</c:v>
                </c:pt>
                <c:pt idx="809">
                  <c:v>25.28</c:v>
                </c:pt>
                <c:pt idx="810">
                  <c:v>25.31</c:v>
                </c:pt>
                <c:pt idx="811">
                  <c:v>25.34</c:v>
                </c:pt>
                <c:pt idx="812">
                  <c:v>25.38</c:v>
                </c:pt>
                <c:pt idx="813">
                  <c:v>25.41</c:v>
                </c:pt>
                <c:pt idx="814">
                  <c:v>25.44</c:v>
                </c:pt>
                <c:pt idx="815">
                  <c:v>25.47</c:v>
                </c:pt>
                <c:pt idx="816">
                  <c:v>25.5</c:v>
                </c:pt>
                <c:pt idx="817">
                  <c:v>25.53</c:v>
                </c:pt>
                <c:pt idx="818">
                  <c:v>25.56</c:v>
                </c:pt>
                <c:pt idx="819">
                  <c:v>25.59</c:v>
                </c:pt>
                <c:pt idx="820">
                  <c:v>25.63</c:v>
                </c:pt>
                <c:pt idx="821">
                  <c:v>25.66</c:v>
                </c:pt>
                <c:pt idx="822">
                  <c:v>25.69</c:v>
                </c:pt>
                <c:pt idx="823">
                  <c:v>25.72</c:v>
                </c:pt>
                <c:pt idx="824">
                  <c:v>25.75</c:v>
                </c:pt>
                <c:pt idx="825">
                  <c:v>25.78</c:v>
                </c:pt>
                <c:pt idx="826">
                  <c:v>25.81</c:v>
                </c:pt>
                <c:pt idx="827">
                  <c:v>25.84</c:v>
                </c:pt>
                <c:pt idx="828">
                  <c:v>25.88</c:v>
                </c:pt>
                <c:pt idx="829">
                  <c:v>25.91</c:v>
                </c:pt>
                <c:pt idx="830">
                  <c:v>25.94</c:v>
                </c:pt>
                <c:pt idx="831">
                  <c:v>25.97</c:v>
                </c:pt>
                <c:pt idx="832">
                  <c:v>26</c:v>
                </c:pt>
                <c:pt idx="833">
                  <c:v>26.03</c:v>
                </c:pt>
                <c:pt idx="834">
                  <c:v>26.06</c:v>
                </c:pt>
                <c:pt idx="835">
                  <c:v>26.09</c:v>
                </c:pt>
                <c:pt idx="836">
                  <c:v>26.13</c:v>
                </c:pt>
                <c:pt idx="837">
                  <c:v>26.16</c:v>
                </c:pt>
                <c:pt idx="838">
                  <c:v>26.19</c:v>
                </c:pt>
                <c:pt idx="839">
                  <c:v>26.22</c:v>
                </c:pt>
                <c:pt idx="840">
                  <c:v>26.25</c:v>
                </c:pt>
                <c:pt idx="841">
                  <c:v>26.28</c:v>
                </c:pt>
                <c:pt idx="842">
                  <c:v>26.31</c:v>
                </c:pt>
                <c:pt idx="843">
                  <c:v>26.34</c:v>
                </c:pt>
                <c:pt idx="844">
                  <c:v>26.38</c:v>
                </c:pt>
                <c:pt idx="845">
                  <c:v>26.41</c:v>
                </c:pt>
                <c:pt idx="846">
                  <c:v>26.44</c:v>
                </c:pt>
                <c:pt idx="847">
                  <c:v>26.47</c:v>
                </c:pt>
                <c:pt idx="848">
                  <c:v>26.5</c:v>
                </c:pt>
                <c:pt idx="849">
                  <c:v>26.53</c:v>
                </c:pt>
                <c:pt idx="850">
                  <c:v>26.56</c:v>
                </c:pt>
                <c:pt idx="851">
                  <c:v>26.59</c:v>
                </c:pt>
                <c:pt idx="852">
                  <c:v>26.63</c:v>
                </c:pt>
                <c:pt idx="853">
                  <c:v>26.66</c:v>
                </c:pt>
                <c:pt idx="854">
                  <c:v>26.69</c:v>
                </c:pt>
                <c:pt idx="855">
                  <c:v>26.72</c:v>
                </c:pt>
                <c:pt idx="856">
                  <c:v>26.75</c:v>
                </c:pt>
                <c:pt idx="857">
                  <c:v>26.78</c:v>
                </c:pt>
                <c:pt idx="858">
                  <c:v>26.81</c:v>
                </c:pt>
                <c:pt idx="859">
                  <c:v>26.84</c:v>
                </c:pt>
                <c:pt idx="860">
                  <c:v>26.88</c:v>
                </c:pt>
                <c:pt idx="861">
                  <c:v>26.91</c:v>
                </c:pt>
                <c:pt idx="862">
                  <c:v>26.94</c:v>
                </c:pt>
                <c:pt idx="863">
                  <c:v>26.97</c:v>
                </c:pt>
                <c:pt idx="864">
                  <c:v>27</c:v>
                </c:pt>
                <c:pt idx="865">
                  <c:v>27.03</c:v>
                </c:pt>
                <c:pt idx="866">
                  <c:v>27.06</c:v>
                </c:pt>
                <c:pt idx="867">
                  <c:v>27.09</c:v>
                </c:pt>
                <c:pt idx="868">
                  <c:v>27.13</c:v>
                </c:pt>
                <c:pt idx="869">
                  <c:v>27.16</c:v>
                </c:pt>
                <c:pt idx="870">
                  <c:v>27.19</c:v>
                </c:pt>
                <c:pt idx="871">
                  <c:v>27.22</c:v>
                </c:pt>
                <c:pt idx="872">
                  <c:v>27.25</c:v>
                </c:pt>
                <c:pt idx="873">
                  <c:v>27.28</c:v>
                </c:pt>
                <c:pt idx="874">
                  <c:v>27.31</c:v>
                </c:pt>
                <c:pt idx="875">
                  <c:v>27.34</c:v>
                </c:pt>
                <c:pt idx="876">
                  <c:v>27.38</c:v>
                </c:pt>
                <c:pt idx="877">
                  <c:v>27.41</c:v>
                </c:pt>
                <c:pt idx="878">
                  <c:v>27.44</c:v>
                </c:pt>
                <c:pt idx="879">
                  <c:v>27.47</c:v>
                </c:pt>
                <c:pt idx="880">
                  <c:v>27.5</c:v>
                </c:pt>
                <c:pt idx="881">
                  <c:v>27.53</c:v>
                </c:pt>
                <c:pt idx="882">
                  <c:v>27.56</c:v>
                </c:pt>
                <c:pt idx="883">
                  <c:v>27.59</c:v>
                </c:pt>
                <c:pt idx="884">
                  <c:v>27.63</c:v>
                </c:pt>
                <c:pt idx="885">
                  <c:v>27.66</c:v>
                </c:pt>
                <c:pt idx="886">
                  <c:v>27.69</c:v>
                </c:pt>
                <c:pt idx="887">
                  <c:v>27.72</c:v>
                </c:pt>
                <c:pt idx="888">
                  <c:v>27.75</c:v>
                </c:pt>
                <c:pt idx="889">
                  <c:v>27.78</c:v>
                </c:pt>
                <c:pt idx="890">
                  <c:v>27.81</c:v>
                </c:pt>
                <c:pt idx="891">
                  <c:v>27.84</c:v>
                </c:pt>
                <c:pt idx="892">
                  <c:v>27.88</c:v>
                </c:pt>
                <c:pt idx="893">
                  <c:v>27.91</c:v>
                </c:pt>
                <c:pt idx="894">
                  <c:v>27.94</c:v>
                </c:pt>
                <c:pt idx="895">
                  <c:v>27.97</c:v>
                </c:pt>
                <c:pt idx="896">
                  <c:v>28</c:v>
                </c:pt>
                <c:pt idx="897">
                  <c:v>28.03</c:v>
                </c:pt>
                <c:pt idx="898">
                  <c:v>28.06</c:v>
                </c:pt>
                <c:pt idx="899">
                  <c:v>28.09</c:v>
                </c:pt>
                <c:pt idx="900">
                  <c:v>28.13</c:v>
                </c:pt>
                <c:pt idx="901">
                  <c:v>28.16</c:v>
                </c:pt>
                <c:pt idx="902">
                  <c:v>28.19</c:v>
                </c:pt>
                <c:pt idx="903">
                  <c:v>28.22</c:v>
                </c:pt>
                <c:pt idx="904">
                  <c:v>28.25</c:v>
                </c:pt>
                <c:pt idx="905">
                  <c:v>28.28</c:v>
                </c:pt>
                <c:pt idx="906">
                  <c:v>28.31</c:v>
                </c:pt>
                <c:pt idx="907">
                  <c:v>28.34</c:v>
                </c:pt>
                <c:pt idx="908">
                  <c:v>28.38</c:v>
                </c:pt>
                <c:pt idx="909">
                  <c:v>28.41</c:v>
                </c:pt>
                <c:pt idx="910">
                  <c:v>28.44</c:v>
                </c:pt>
                <c:pt idx="911">
                  <c:v>28.47</c:v>
                </c:pt>
                <c:pt idx="912">
                  <c:v>28.5</c:v>
                </c:pt>
                <c:pt idx="913">
                  <c:v>28.53</c:v>
                </c:pt>
                <c:pt idx="914">
                  <c:v>28.56</c:v>
                </c:pt>
                <c:pt idx="915">
                  <c:v>28.59</c:v>
                </c:pt>
                <c:pt idx="916">
                  <c:v>28.63</c:v>
                </c:pt>
                <c:pt idx="917">
                  <c:v>28.66</c:v>
                </c:pt>
                <c:pt idx="918">
                  <c:v>28.69</c:v>
                </c:pt>
                <c:pt idx="919">
                  <c:v>28.72</c:v>
                </c:pt>
                <c:pt idx="920">
                  <c:v>28.75</c:v>
                </c:pt>
                <c:pt idx="921">
                  <c:v>28.78</c:v>
                </c:pt>
                <c:pt idx="922">
                  <c:v>28.81</c:v>
                </c:pt>
                <c:pt idx="923">
                  <c:v>28.84</c:v>
                </c:pt>
                <c:pt idx="924">
                  <c:v>28.88</c:v>
                </c:pt>
                <c:pt idx="925">
                  <c:v>28.91</c:v>
                </c:pt>
                <c:pt idx="926">
                  <c:v>28.94</c:v>
                </c:pt>
                <c:pt idx="927">
                  <c:v>28.97</c:v>
                </c:pt>
                <c:pt idx="928">
                  <c:v>29</c:v>
                </c:pt>
                <c:pt idx="929">
                  <c:v>29.03</c:v>
                </c:pt>
                <c:pt idx="930">
                  <c:v>29.06</c:v>
                </c:pt>
                <c:pt idx="931">
                  <c:v>29.09</c:v>
                </c:pt>
                <c:pt idx="932">
                  <c:v>29.13</c:v>
                </c:pt>
                <c:pt idx="933">
                  <c:v>29.16</c:v>
                </c:pt>
                <c:pt idx="934">
                  <c:v>29.19</c:v>
                </c:pt>
                <c:pt idx="935">
                  <c:v>29.22</c:v>
                </c:pt>
                <c:pt idx="936">
                  <c:v>29.25</c:v>
                </c:pt>
                <c:pt idx="937">
                  <c:v>29.28</c:v>
                </c:pt>
                <c:pt idx="938">
                  <c:v>29.31</c:v>
                </c:pt>
                <c:pt idx="939">
                  <c:v>29.34</c:v>
                </c:pt>
                <c:pt idx="940">
                  <c:v>29.38</c:v>
                </c:pt>
                <c:pt idx="941">
                  <c:v>29.41</c:v>
                </c:pt>
                <c:pt idx="942">
                  <c:v>29.44</c:v>
                </c:pt>
                <c:pt idx="943">
                  <c:v>29.47</c:v>
                </c:pt>
                <c:pt idx="944">
                  <c:v>29.5</c:v>
                </c:pt>
                <c:pt idx="945">
                  <c:v>29.53</c:v>
                </c:pt>
                <c:pt idx="946">
                  <c:v>29.56</c:v>
                </c:pt>
                <c:pt idx="947">
                  <c:v>29.59</c:v>
                </c:pt>
                <c:pt idx="948">
                  <c:v>29.63</c:v>
                </c:pt>
                <c:pt idx="949">
                  <c:v>29.66</c:v>
                </c:pt>
                <c:pt idx="950">
                  <c:v>29.69</c:v>
                </c:pt>
                <c:pt idx="951">
                  <c:v>29.72</c:v>
                </c:pt>
                <c:pt idx="952">
                  <c:v>29.75</c:v>
                </c:pt>
                <c:pt idx="953">
                  <c:v>29.78</c:v>
                </c:pt>
                <c:pt idx="954">
                  <c:v>29.81</c:v>
                </c:pt>
                <c:pt idx="955">
                  <c:v>29.84</c:v>
                </c:pt>
                <c:pt idx="956">
                  <c:v>29.88</c:v>
                </c:pt>
                <c:pt idx="957">
                  <c:v>29.91</c:v>
                </c:pt>
                <c:pt idx="958">
                  <c:v>29.94</c:v>
                </c:pt>
                <c:pt idx="959">
                  <c:v>29.97</c:v>
                </c:pt>
                <c:pt idx="960">
                  <c:v>30</c:v>
                </c:pt>
                <c:pt idx="961">
                  <c:v>30.03</c:v>
                </c:pt>
                <c:pt idx="962">
                  <c:v>30.06</c:v>
                </c:pt>
                <c:pt idx="963">
                  <c:v>30.09</c:v>
                </c:pt>
                <c:pt idx="964">
                  <c:v>30.13</c:v>
                </c:pt>
                <c:pt idx="965">
                  <c:v>30.16</c:v>
                </c:pt>
                <c:pt idx="966">
                  <c:v>30.19</c:v>
                </c:pt>
                <c:pt idx="967">
                  <c:v>30.22</c:v>
                </c:pt>
                <c:pt idx="968">
                  <c:v>30.25</c:v>
                </c:pt>
                <c:pt idx="969">
                  <c:v>30.28</c:v>
                </c:pt>
                <c:pt idx="970">
                  <c:v>30.31</c:v>
                </c:pt>
                <c:pt idx="971">
                  <c:v>30.34</c:v>
                </c:pt>
                <c:pt idx="972">
                  <c:v>30.38</c:v>
                </c:pt>
                <c:pt idx="973">
                  <c:v>30.41</c:v>
                </c:pt>
                <c:pt idx="974">
                  <c:v>30.44</c:v>
                </c:pt>
                <c:pt idx="975">
                  <c:v>30.47</c:v>
                </c:pt>
                <c:pt idx="976">
                  <c:v>30.5</c:v>
                </c:pt>
                <c:pt idx="977">
                  <c:v>30.53</c:v>
                </c:pt>
                <c:pt idx="978">
                  <c:v>30.56</c:v>
                </c:pt>
                <c:pt idx="979">
                  <c:v>30.59</c:v>
                </c:pt>
                <c:pt idx="980">
                  <c:v>30.63</c:v>
                </c:pt>
                <c:pt idx="981">
                  <c:v>30.66</c:v>
                </c:pt>
                <c:pt idx="982">
                  <c:v>30.69</c:v>
                </c:pt>
                <c:pt idx="983">
                  <c:v>30.72</c:v>
                </c:pt>
                <c:pt idx="984">
                  <c:v>30.75</c:v>
                </c:pt>
                <c:pt idx="985">
                  <c:v>30.78</c:v>
                </c:pt>
                <c:pt idx="986">
                  <c:v>30.81</c:v>
                </c:pt>
                <c:pt idx="987">
                  <c:v>30.84</c:v>
                </c:pt>
                <c:pt idx="988">
                  <c:v>30.88</c:v>
                </c:pt>
                <c:pt idx="989">
                  <c:v>30.91</c:v>
                </c:pt>
                <c:pt idx="990">
                  <c:v>30.94</c:v>
                </c:pt>
                <c:pt idx="991">
                  <c:v>30.97</c:v>
                </c:pt>
                <c:pt idx="992">
                  <c:v>31</c:v>
                </c:pt>
                <c:pt idx="993">
                  <c:v>31.03</c:v>
                </c:pt>
                <c:pt idx="994">
                  <c:v>31.06</c:v>
                </c:pt>
                <c:pt idx="995">
                  <c:v>31.09</c:v>
                </c:pt>
                <c:pt idx="996">
                  <c:v>31.13</c:v>
                </c:pt>
                <c:pt idx="997">
                  <c:v>31.16</c:v>
                </c:pt>
                <c:pt idx="998">
                  <c:v>31.19</c:v>
                </c:pt>
                <c:pt idx="999">
                  <c:v>31.22</c:v>
                </c:pt>
                <c:pt idx="1000">
                  <c:v>31.25</c:v>
                </c:pt>
                <c:pt idx="1001">
                  <c:v>31.28</c:v>
                </c:pt>
                <c:pt idx="1002">
                  <c:v>31.31</c:v>
                </c:pt>
                <c:pt idx="1003">
                  <c:v>31.34</c:v>
                </c:pt>
                <c:pt idx="1004">
                  <c:v>31.38</c:v>
                </c:pt>
                <c:pt idx="1005">
                  <c:v>31.41</c:v>
                </c:pt>
                <c:pt idx="1006">
                  <c:v>31.44</c:v>
                </c:pt>
                <c:pt idx="1007">
                  <c:v>31.47</c:v>
                </c:pt>
                <c:pt idx="1008">
                  <c:v>31.5</c:v>
                </c:pt>
                <c:pt idx="1009">
                  <c:v>31.53</c:v>
                </c:pt>
                <c:pt idx="1010">
                  <c:v>31.56</c:v>
                </c:pt>
                <c:pt idx="1011">
                  <c:v>31.59</c:v>
                </c:pt>
                <c:pt idx="1012">
                  <c:v>31.63</c:v>
                </c:pt>
                <c:pt idx="1013">
                  <c:v>31.66</c:v>
                </c:pt>
                <c:pt idx="1014">
                  <c:v>31.69</c:v>
                </c:pt>
                <c:pt idx="1015">
                  <c:v>31.72</c:v>
                </c:pt>
                <c:pt idx="1016">
                  <c:v>31.75</c:v>
                </c:pt>
                <c:pt idx="1017">
                  <c:v>31.78</c:v>
                </c:pt>
                <c:pt idx="1018">
                  <c:v>31.81</c:v>
                </c:pt>
                <c:pt idx="1019">
                  <c:v>31.84</c:v>
                </c:pt>
                <c:pt idx="1020">
                  <c:v>31.88</c:v>
                </c:pt>
                <c:pt idx="1021">
                  <c:v>31.91</c:v>
                </c:pt>
                <c:pt idx="1022">
                  <c:v>31.94</c:v>
                </c:pt>
                <c:pt idx="1023">
                  <c:v>31.97</c:v>
                </c:pt>
                <c:pt idx="1024">
                  <c:v>32</c:v>
                </c:pt>
                <c:pt idx="1025">
                  <c:v>32.03</c:v>
                </c:pt>
                <c:pt idx="1026">
                  <c:v>32.06</c:v>
                </c:pt>
                <c:pt idx="1027">
                  <c:v>32.090000000000003</c:v>
                </c:pt>
                <c:pt idx="1028">
                  <c:v>32.130000000000003</c:v>
                </c:pt>
                <c:pt idx="1029">
                  <c:v>32.159999999999997</c:v>
                </c:pt>
                <c:pt idx="1030">
                  <c:v>32.19</c:v>
                </c:pt>
                <c:pt idx="1031">
                  <c:v>32.22</c:v>
                </c:pt>
                <c:pt idx="1032">
                  <c:v>32.25</c:v>
                </c:pt>
                <c:pt idx="1033">
                  <c:v>32.28</c:v>
                </c:pt>
                <c:pt idx="1034">
                  <c:v>32.31</c:v>
                </c:pt>
                <c:pt idx="1035">
                  <c:v>32.340000000000003</c:v>
                </c:pt>
                <c:pt idx="1036">
                  <c:v>32.380000000000003</c:v>
                </c:pt>
                <c:pt idx="1037">
                  <c:v>32.409999999999997</c:v>
                </c:pt>
                <c:pt idx="1038">
                  <c:v>32.44</c:v>
                </c:pt>
                <c:pt idx="1039">
                  <c:v>32.47</c:v>
                </c:pt>
                <c:pt idx="1040">
                  <c:v>32.5</c:v>
                </c:pt>
                <c:pt idx="1041">
                  <c:v>32.53</c:v>
                </c:pt>
                <c:pt idx="1042">
                  <c:v>32.56</c:v>
                </c:pt>
                <c:pt idx="1043">
                  <c:v>32.590000000000003</c:v>
                </c:pt>
                <c:pt idx="1044">
                  <c:v>32.630000000000003</c:v>
                </c:pt>
                <c:pt idx="1045">
                  <c:v>32.659999999999997</c:v>
                </c:pt>
                <c:pt idx="1046">
                  <c:v>32.69</c:v>
                </c:pt>
                <c:pt idx="1047">
                  <c:v>32.72</c:v>
                </c:pt>
                <c:pt idx="1048">
                  <c:v>32.75</c:v>
                </c:pt>
                <c:pt idx="1049">
                  <c:v>32.78</c:v>
                </c:pt>
                <c:pt idx="1050">
                  <c:v>32.81</c:v>
                </c:pt>
                <c:pt idx="1051">
                  <c:v>32.840000000000003</c:v>
                </c:pt>
                <c:pt idx="1052">
                  <c:v>32.880000000000003</c:v>
                </c:pt>
                <c:pt idx="1053">
                  <c:v>32.909999999999997</c:v>
                </c:pt>
                <c:pt idx="1054">
                  <c:v>32.94</c:v>
                </c:pt>
                <c:pt idx="1055">
                  <c:v>32.97</c:v>
                </c:pt>
                <c:pt idx="1056">
                  <c:v>33</c:v>
                </c:pt>
                <c:pt idx="1057">
                  <c:v>33.03</c:v>
                </c:pt>
                <c:pt idx="1058">
                  <c:v>33.06</c:v>
                </c:pt>
                <c:pt idx="1059">
                  <c:v>33.090000000000003</c:v>
                </c:pt>
                <c:pt idx="1060">
                  <c:v>33.130000000000003</c:v>
                </c:pt>
                <c:pt idx="1061">
                  <c:v>33.159999999999997</c:v>
                </c:pt>
                <c:pt idx="1062">
                  <c:v>33.19</c:v>
                </c:pt>
                <c:pt idx="1063">
                  <c:v>33.22</c:v>
                </c:pt>
                <c:pt idx="1064">
                  <c:v>33.25</c:v>
                </c:pt>
                <c:pt idx="1065">
                  <c:v>33.28</c:v>
                </c:pt>
                <c:pt idx="1066">
                  <c:v>33.31</c:v>
                </c:pt>
                <c:pt idx="1067">
                  <c:v>33.340000000000003</c:v>
                </c:pt>
                <c:pt idx="1068">
                  <c:v>33.380000000000003</c:v>
                </c:pt>
                <c:pt idx="1069">
                  <c:v>33.409999999999997</c:v>
                </c:pt>
                <c:pt idx="1070">
                  <c:v>33.44</c:v>
                </c:pt>
                <c:pt idx="1071">
                  <c:v>33.47</c:v>
                </c:pt>
                <c:pt idx="1072">
                  <c:v>33.5</c:v>
                </c:pt>
                <c:pt idx="1073">
                  <c:v>33.53</c:v>
                </c:pt>
                <c:pt idx="1074">
                  <c:v>33.56</c:v>
                </c:pt>
                <c:pt idx="1075">
                  <c:v>33.590000000000003</c:v>
                </c:pt>
                <c:pt idx="1076">
                  <c:v>33.630000000000003</c:v>
                </c:pt>
                <c:pt idx="1077">
                  <c:v>33.659999999999997</c:v>
                </c:pt>
                <c:pt idx="1078">
                  <c:v>33.69</c:v>
                </c:pt>
                <c:pt idx="1079">
                  <c:v>33.72</c:v>
                </c:pt>
                <c:pt idx="1080">
                  <c:v>33.75</c:v>
                </c:pt>
                <c:pt idx="1081">
                  <c:v>33.78</c:v>
                </c:pt>
                <c:pt idx="1082">
                  <c:v>33.81</c:v>
                </c:pt>
                <c:pt idx="1083">
                  <c:v>33.840000000000003</c:v>
                </c:pt>
                <c:pt idx="1084">
                  <c:v>33.880000000000003</c:v>
                </c:pt>
                <c:pt idx="1085">
                  <c:v>33.909999999999997</c:v>
                </c:pt>
                <c:pt idx="1086">
                  <c:v>33.94</c:v>
                </c:pt>
                <c:pt idx="1087">
                  <c:v>33.97</c:v>
                </c:pt>
                <c:pt idx="1088">
                  <c:v>34</c:v>
                </c:pt>
                <c:pt idx="1089">
                  <c:v>34.03</c:v>
                </c:pt>
                <c:pt idx="1090">
                  <c:v>34.06</c:v>
                </c:pt>
                <c:pt idx="1091">
                  <c:v>34.090000000000003</c:v>
                </c:pt>
                <c:pt idx="1092">
                  <c:v>34.130000000000003</c:v>
                </c:pt>
                <c:pt idx="1093">
                  <c:v>34.159999999999997</c:v>
                </c:pt>
                <c:pt idx="1094">
                  <c:v>34.19</c:v>
                </c:pt>
                <c:pt idx="1095">
                  <c:v>34.22</c:v>
                </c:pt>
                <c:pt idx="1096">
                  <c:v>34.25</c:v>
                </c:pt>
                <c:pt idx="1097">
                  <c:v>34.28</c:v>
                </c:pt>
                <c:pt idx="1098">
                  <c:v>34.31</c:v>
                </c:pt>
                <c:pt idx="1099">
                  <c:v>34.340000000000003</c:v>
                </c:pt>
                <c:pt idx="1100">
                  <c:v>34.380000000000003</c:v>
                </c:pt>
                <c:pt idx="1101">
                  <c:v>34.409999999999997</c:v>
                </c:pt>
                <c:pt idx="1102">
                  <c:v>34.44</c:v>
                </c:pt>
                <c:pt idx="1103">
                  <c:v>34.47</c:v>
                </c:pt>
                <c:pt idx="1104">
                  <c:v>34.5</c:v>
                </c:pt>
                <c:pt idx="1105">
                  <c:v>34.53</c:v>
                </c:pt>
                <c:pt idx="1106">
                  <c:v>34.56</c:v>
                </c:pt>
                <c:pt idx="1107">
                  <c:v>34.590000000000003</c:v>
                </c:pt>
                <c:pt idx="1108">
                  <c:v>34.630000000000003</c:v>
                </c:pt>
                <c:pt idx="1109">
                  <c:v>34.659999999999997</c:v>
                </c:pt>
                <c:pt idx="1110">
                  <c:v>34.69</c:v>
                </c:pt>
                <c:pt idx="1111">
                  <c:v>34.72</c:v>
                </c:pt>
                <c:pt idx="1112">
                  <c:v>34.75</c:v>
                </c:pt>
                <c:pt idx="1113">
                  <c:v>34.78</c:v>
                </c:pt>
                <c:pt idx="1114">
                  <c:v>34.81</c:v>
                </c:pt>
                <c:pt idx="1115">
                  <c:v>34.840000000000003</c:v>
                </c:pt>
                <c:pt idx="1116">
                  <c:v>34.880000000000003</c:v>
                </c:pt>
                <c:pt idx="1117">
                  <c:v>34.909999999999997</c:v>
                </c:pt>
                <c:pt idx="1118">
                  <c:v>34.94</c:v>
                </c:pt>
                <c:pt idx="1119">
                  <c:v>34.97</c:v>
                </c:pt>
                <c:pt idx="1120">
                  <c:v>35</c:v>
                </c:pt>
                <c:pt idx="1121">
                  <c:v>35.03</c:v>
                </c:pt>
                <c:pt idx="1122">
                  <c:v>35.06</c:v>
                </c:pt>
                <c:pt idx="1123">
                  <c:v>35.090000000000003</c:v>
                </c:pt>
                <c:pt idx="1124">
                  <c:v>35.130000000000003</c:v>
                </c:pt>
                <c:pt idx="1125">
                  <c:v>35.159999999999997</c:v>
                </c:pt>
                <c:pt idx="1126">
                  <c:v>35.19</c:v>
                </c:pt>
                <c:pt idx="1127">
                  <c:v>35.22</c:v>
                </c:pt>
                <c:pt idx="1128">
                  <c:v>35.25</c:v>
                </c:pt>
                <c:pt idx="1129">
                  <c:v>35.28</c:v>
                </c:pt>
                <c:pt idx="1130">
                  <c:v>35.31</c:v>
                </c:pt>
                <c:pt idx="1131">
                  <c:v>35.340000000000003</c:v>
                </c:pt>
                <c:pt idx="1132">
                  <c:v>35.380000000000003</c:v>
                </c:pt>
                <c:pt idx="1133">
                  <c:v>35.409999999999997</c:v>
                </c:pt>
                <c:pt idx="1134">
                  <c:v>35.44</c:v>
                </c:pt>
                <c:pt idx="1135">
                  <c:v>35.47</c:v>
                </c:pt>
                <c:pt idx="1136">
                  <c:v>35.5</c:v>
                </c:pt>
                <c:pt idx="1137">
                  <c:v>35.53</c:v>
                </c:pt>
                <c:pt idx="1138">
                  <c:v>35.56</c:v>
                </c:pt>
                <c:pt idx="1139">
                  <c:v>35.590000000000003</c:v>
                </c:pt>
                <c:pt idx="1140">
                  <c:v>35.630000000000003</c:v>
                </c:pt>
                <c:pt idx="1141">
                  <c:v>35.659999999999997</c:v>
                </c:pt>
                <c:pt idx="1142">
                  <c:v>35.69</c:v>
                </c:pt>
                <c:pt idx="1143">
                  <c:v>35.72</c:v>
                </c:pt>
                <c:pt idx="1144">
                  <c:v>35.75</c:v>
                </c:pt>
                <c:pt idx="1145">
                  <c:v>35.78</c:v>
                </c:pt>
                <c:pt idx="1146">
                  <c:v>35.81</c:v>
                </c:pt>
                <c:pt idx="1147">
                  <c:v>35.840000000000003</c:v>
                </c:pt>
                <c:pt idx="1148">
                  <c:v>35.880000000000003</c:v>
                </c:pt>
                <c:pt idx="1149">
                  <c:v>35.909999999999997</c:v>
                </c:pt>
                <c:pt idx="1150">
                  <c:v>35.94</c:v>
                </c:pt>
                <c:pt idx="1151">
                  <c:v>35.97</c:v>
                </c:pt>
                <c:pt idx="1152">
                  <c:v>36</c:v>
                </c:pt>
                <c:pt idx="1153">
                  <c:v>36.03</c:v>
                </c:pt>
                <c:pt idx="1154">
                  <c:v>36.06</c:v>
                </c:pt>
                <c:pt idx="1155">
                  <c:v>36.090000000000003</c:v>
                </c:pt>
                <c:pt idx="1156">
                  <c:v>36.130000000000003</c:v>
                </c:pt>
                <c:pt idx="1157">
                  <c:v>36.159999999999997</c:v>
                </c:pt>
                <c:pt idx="1158">
                  <c:v>36.19</c:v>
                </c:pt>
                <c:pt idx="1159">
                  <c:v>36.22</c:v>
                </c:pt>
                <c:pt idx="1160">
                  <c:v>36.25</c:v>
                </c:pt>
                <c:pt idx="1161">
                  <c:v>36.28</c:v>
                </c:pt>
                <c:pt idx="1162">
                  <c:v>36.31</c:v>
                </c:pt>
                <c:pt idx="1163">
                  <c:v>36.340000000000003</c:v>
                </c:pt>
                <c:pt idx="1164">
                  <c:v>36.380000000000003</c:v>
                </c:pt>
                <c:pt idx="1165">
                  <c:v>36.409999999999997</c:v>
                </c:pt>
                <c:pt idx="1166">
                  <c:v>36.44</c:v>
                </c:pt>
                <c:pt idx="1167">
                  <c:v>36.47</c:v>
                </c:pt>
                <c:pt idx="1168">
                  <c:v>36.5</c:v>
                </c:pt>
                <c:pt idx="1169">
                  <c:v>36.53</c:v>
                </c:pt>
                <c:pt idx="1170">
                  <c:v>36.56</c:v>
                </c:pt>
                <c:pt idx="1171">
                  <c:v>36.590000000000003</c:v>
                </c:pt>
                <c:pt idx="1172">
                  <c:v>36.630000000000003</c:v>
                </c:pt>
                <c:pt idx="1173">
                  <c:v>36.659999999999997</c:v>
                </c:pt>
                <c:pt idx="1174">
                  <c:v>36.69</c:v>
                </c:pt>
                <c:pt idx="1175">
                  <c:v>36.72</c:v>
                </c:pt>
                <c:pt idx="1176">
                  <c:v>36.75</c:v>
                </c:pt>
                <c:pt idx="1177">
                  <c:v>36.78</c:v>
                </c:pt>
                <c:pt idx="1178">
                  <c:v>36.81</c:v>
                </c:pt>
                <c:pt idx="1179">
                  <c:v>36.840000000000003</c:v>
                </c:pt>
                <c:pt idx="1180">
                  <c:v>36.880000000000003</c:v>
                </c:pt>
                <c:pt idx="1181">
                  <c:v>36.909999999999997</c:v>
                </c:pt>
                <c:pt idx="1182">
                  <c:v>36.94</c:v>
                </c:pt>
                <c:pt idx="1183">
                  <c:v>36.97</c:v>
                </c:pt>
                <c:pt idx="1184">
                  <c:v>37</c:v>
                </c:pt>
                <c:pt idx="1185">
                  <c:v>37.03</c:v>
                </c:pt>
                <c:pt idx="1186">
                  <c:v>37.06</c:v>
                </c:pt>
                <c:pt idx="1187">
                  <c:v>37.090000000000003</c:v>
                </c:pt>
                <c:pt idx="1188">
                  <c:v>37.130000000000003</c:v>
                </c:pt>
                <c:pt idx="1189">
                  <c:v>37.159999999999997</c:v>
                </c:pt>
                <c:pt idx="1190">
                  <c:v>37.19</c:v>
                </c:pt>
                <c:pt idx="1191">
                  <c:v>37.22</c:v>
                </c:pt>
                <c:pt idx="1192">
                  <c:v>37.25</c:v>
                </c:pt>
                <c:pt idx="1193">
                  <c:v>37.28</c:v>
                </c:pt>
                <c:pt idx="1194">
                  <c:v>37.31</c:v>
                </c:pt>
                <c:pt idx="1195">
                  <c:v>37.340000000000003</c:v>
                </c:pt>
                <c:pt idx="1196">
                  <c:v>37.380000000000003</c:v>
                </c:pt>
                <c:pt idx="1197">
                  <c:v>37.409999999999997</c:v>
                </c:pt>
                <c:pt idx="1198">
                  <c:v>37.44</c:v>
                </c:pt>
                <c:pt idx="1199">
                  <c:v>37.47</c:v>
                </c:pt>
                <c:pt idx="1200">
                  <c:v>37.5</c:v>
                </c:pt>
                <c:pt idx="1201">
                  <c:v>37.53</c:v>
                </c:pt>
                <c:pt idx="1202">
                  <c:v>37.56</c:v>
                </c:pt>
                <c:pt idx="1203">
                  <c:v>37.590000000000003</c:v>
                </c:pt>
                <c:pt idx="1204">
                  <c:v>37.630000000000003</c:v>
                </c:pt>
                <c:pt idx="1205">
                  <c:v>37.659999999999997</c:v>
                </c:pt>
                <c:pt idx="1206">
                  <c:v>37.69</c:v>
                </c:pt>
                <c:pt idx="1207">
                  <c:v>37.72</c:v>
                </c:pt>
                <c:pt idx="1208">
                  <c:v>37.75</c:v>
                </c:pt>
                <c:pt idx="1209">
                  <c:v>37.78</c:v>
                </c:pt>
                <c:pt idx="1210">
                  <c:v>37.81</c:v>
                </c:pt>
                <c:pt idx="1211">
                  <c:v>37.840000000000003</c:v>
                </c:pt>
                <c:pt idx="1212">
                  <c:v>37.880000000000003</c:v>
                </c:pt>
                <c:pt idx="1213">
                  <c:v>37.909999999999997</c:v>
                </c:pt>
                <c:pt idx="1214">
                  <c:v>37.94</c:v>
                </c:pt>
                <c:pt idx="1215">
                  <c:v>37.97</c:v>
                </c:pt>
                <c:pt idx="1216">
                  <c:v>38</c:v>
                </c:pt>
                <c:pt idx="1217">
                  <c:v>38.03</c:v>
                </c:pt>
                <c:pt idx="1218">
                  <c:v>38.06</c:v>
                </c:pt>
                <c:pt idx="1219">
                  <c:v>38.090000000000003</c:v>
                </c:pt>
                <c:pt idx="1220">
                  <c:v>38.130000000000003</c:v>
                </c:pt>
                <c:pt idx="1221">
                  <c:v>38.159999999999997</c:v>
                </c:pt>
                <c:pt idx="1222">
                  <c:v>38.19</c:v>
                </c:pt>
                <c:pt idx="1223">
                  <c:v>38.22</c:v>
                </c:pt>
                <c:pt idx="1224">
                  <c:v>38.25</c:v>
                </c:pt>
                <c:pt idx="1225">
                  <c:v>38.28</c:v>
                </c:pt>
                <c:pt idx="1226">
                  <c:v>38.31</c:v>
                </c:pt>
                <c:pt idx="1227">
                  <c:v>38.340000000000003</c:v>
                </c:pt>
                <c:pt idx="1228">
                  <c:v>38.380000000000003</c:v>
                </c:pt>
                <c:pt idx="1229">
                  <c:v>38.409999999999997</c:v>
                </c:pt>
                <c:pt idx="1230">
                  <c:v>38.44</c:v>
                </c:pt>
                <c:pt idx="1231">
                  <c:v>38.47</c:v>
                </c:pt>
                <c:pt idx="1232">
                  <c:v>38.5</c:v>
                </c:pt>
                <c:pt idx="1233">
                  <c:v>38.53</c:v>
                </c:pt>
                <c:pt idx="1234">
                  <c:v>38.56</c:v>
                </c:pt>
                <c:pt idx="1235">
                  <c:v>38.590000000000003</c:v>
                </c:pt>
                <c:pt idx="1236">
                  <c:v>38.630000000000003</c:v>
                </c:pt>
                <c:pt idx="1237">
                  <c:v>38.659999999999997</c:v>
                </c:pt>
                <c:pt idx="1238">
                  <c:v>38.69</c:v>
                </c:pt>
                <c:pt idx="1239">
                  <c:v>38.72</c:v>
                </c:pt>
                <c:pt idx="1240">
                  <c:v>38.75</c:v>
                </c:pt>
                <c:pt idx="1241">
                  <c:v>38.78</c:v>
                </c:pt>
                <c:pt idx="1242">
                  <c:v>38.81</c:v>
                </c:pt>
                <c:pt idx="1243">
                  <c:v>38.840000000000003</c:v>
                </c:pt>
                <c:pt idx="1244">
                  <c:v>38.880000000000003</c:v>
                </c:pt>
                <c:pt idx="1245">
                  <c:v>38.909999999999997</c:v>
                </c:pt>
                <c:pt idx="1246">
                  <c:v>38.94</c:v>
                </c:pt>
                <c:pt idx="1247">
                  <c:v>38.97</c:v>
                </c:pt>
                <c:pt idx="1248">
                  <c:v>39</c:v>
                </c:pt>
                <c:pt idx="1249">
                  <c:v>39.03</c:v>
                </c:pt>
                <c:pt idx="1250">
                  <c:v>39.06</c:v>
                </c:pt>
                <c:pt idx="1251">
                  <c:v>39.090000000000003</c:v>
                </c:pt>
                <c:pt idx="1252">
                  <c:v>39.130000000000003</c:v>
                </c:pt>
                <c:pt idx="1253">
                  <c:v>39.159999999999997</c:v>
                </c:pt>
                <c:pt idx="1254">
                  <c:v>39.19</c:v>
                </c:pt>
                <c:pt idx="1255">
                  <c:v>39.22</c:v>
                </c:pt>
                <c:pt idx="1256">
                  <c:v>39.25</c:v>
                </c:pt>
                <c:pt idx="1257">
                  <c:v>39.28</c:v>
                </c:pt>
                <c:pt idx="1258">
                  <c:v>39.31</c:v>
                </c:pt>
                <c:pt idx="1259">
                  <c:v>39.340000000000003</c:v>
                </c:pt>
                <c:pt idx="1260">
                  <c:v>39.380000000000003</c:v>
                </c:pt>
                <c:pt idx="1261">
                  <c:v>39.409999999999997</c:v>
                </c:pt>
                <c:pt idx="1262">
                  <c:v>39.44</c:v>
                </c:pt>
                <c:pt idx="1263">
                  <c:v>39.47</c:v>
                </c:pt>
                <c:pt idx="1264">
                  <c:v>39.5</c:v>
                </c:pt>
                <c:pt idx="1265">
                  <c:v>39.53</c:v>
                </c:pt>
                <c:pt idx="1266">
                  <c:v>39.56</c:v>
                </c:pt>
                <c:pt idx="1267">
                  <c:v>39.590000000000003</c:v>
                </c:pt>
                <c:pt idx="1268">
                  <c:v>39.630000000000003</c:v>
                </c:pt>
                <c:pt idx="1269">
                  <c:v>39.659999999999997</c:v>
                </c:pt>
                <c:pt idx="1270">
                  <c:v>39.69</c:v>
                </c:pt>
                <c:pt idx="1271">
                  <c:v>39.72</c:v>
                </c:pt>
                <c:pt idx="1272">
                  <c:v>39.75</c:v>
                </c:pt>
                <c:pt idx="1273">
                  <c:v>39.78</c:v>
                </c:pt>
                <c:pt idx="1274">
                  <c:v>39.81</c:v>
                </c:pt>
                <c:pt idx="1275">
                  <c:v>39.840000000000003</c:v>
                </c:pt>
                <c:pt idx="1276">
                  <c:v>39.880000000000003</c:v>
                </c:pt>
                <c:pt idx="1277">
                  <c:v>39.909999999999997</c:v>
                </c:pt>
                <c:pt idx="1278">
                  <c:v>39.94</c:v>
                </c:pt>
                <c:pt idx="1279">
                  <c:v>39.97</c:v>
                </c:pt>
                <c:pt idx="1280">
                  <c:v>40</c:v>
                </c:pt>
                <c:pt idx="1281">
                  <c:v>40.03</c:v>
                </c:pt>
                <c:pt idx="1282">
                  <c:v>40.06</c:v>
                </c:pt>
                <c:pt idx="1283">
                  <c:v>40.090000000000003</c:v>
                </c:pt>
                <c:pt idx="1284">
                  <c:v>40.130000000000003</c:v>
                </c:pt>
                <c:pt idx="1285">
                  <c:v>40.159999999999997</c:v>
                </c:pt>
                <c:pt idx="1286">
                  <c:v>40.19</c:v>
                </c:pt>
                <c:pt idx="1287">
                  <c:v>40.22</c:v>
                </c:pt>
                <c:pt idx="1288">
                  <c:v>40.25</c:v>
                </c:pt>
                <c:pt idx="1289">
                  <c:v>40.28</c:v>
                </c:pt>
                <c:pt idx="1290">
                  <c:v>40.31</c:v>
                </c:pt>
                <c:pt idx="1291">
                  <c:v>40.340000000000003</c:v>
                </c:pt>
                <c:pt idx="1292">
                  <c:v>40.380000000000003</c:v>
                </c:pt>
                <c:pt idx="1293">
                  <c:v>40.409999999999997</c:v>
                </c:pt>
                <c:pt idx="1294">
                  <c:v>40.44</c:v>
                </c:pt>
                <c:pt idx="1295">
                  <c:v>40.47</c:v>
                </c:pt>
                <c:pt idx="1296">
                  <c:v>40.5</c:v>
                </c:pt>
                <c:pt idx="1297">
                  <c:v>40.53</c:v>
                </c:pt>
                <c:pt idx="1298">
                  <c:v>40.56</c:v>
                </c:pt>
                <c:pt idx="1299">
                  <c:v>40.590000000000003</c:v>
                </c:pt>
                <c:pt idx="1300">
                  <c:v>40.630000000000003</c:v>
                </c:pt>
                <c:pt idx="1301">
                  <c:v>40.659999999999997</c:v>
                </c:pt>
                <c:pt idx="1302">
                  <c:v>40.69</c:v>
                </c:pt>
                <c:pt idx="1303">
                  <c:v>40.72</c:v>
                </c:pt>
                <c:pt idx="1304">
                  <c:v>40.75</c:v>
                </c:pt>
                <c:pt idx="1305">
                  <c:v>40.78</c:v>
                </c:pt>
                <c:pt idx="1306">
                  <c:v>40.81</c:v>
                </c:pt>
                <c:pt idx="1307">
                  <c:v>40.840000000000003</c:v>
                </c:pt>
                <c:pt idx="1308">
                  <c:v>40.880000000000003</c:v>
                </c:pt>
                <c:pt idx="1309">
                  <c:v>40.909999999999997</c:v>
                </c:pt>
                <c:pt idx="1310">
                  <c:v>40.94</c:v>
                </c:pt>
                <c:pt idx="1311">
                  <c:v>40.97</c:v>
                </c:pt>
                <c:pt idx="1312">
                  <c:v>41</c:v>
                </c:pt>
                <c:pt idx="1313">
                  <c:v>41.03</c:v>
                </c:pt>
                <c:pt idx="1314">
                  <c:v>41.06</c:v>
                </c:pt>
                <c:pt idx="1315">
                  <c:v>41.09</c:v>
                </c:pt>
                <c:pt idx="1316">
                  <c:v>41.13</c:v>
                </c:pt>
                <c:pt idx="1317">
                  <c:v>41.16</c:v>
                </c:pt>
                <c:pt idx="1318">
                  <c:v>41.19</c:v>
                </c:pt>
                <c:pt idx="1319">
                  <c:v>41.22</c:v>
                </c:pt>
                <c:pt idx="1320">
                  <c:v>41.25</c:v>
                </c:pt>
                <c:pt idx="1321">
                  <c:v>41.28</c:v>
                </c:pt>
                <c:pt idx="1322">
                  <c:v>41.31</c:v>
                </c:pt>
                <c:pt idx="1323">
                  <c:v>41.34</c:v>
                </c:pt>
                <c:pt idx="1324">
                  <c:v>41.38</c:v>
                </c:pt>
                <c:pt idx="1325">
                  <c:v>41.41</c:v>
                </c:pt>
                <c:pt idx="1326">
                  <c:v>41.44</c:v>
                </c:pt>
                <c:pt idx="1327">
                  <c:v>41.47</c:v>
                </c:pt>
                <c:pt idx="1328">
                  <c:v>41.5</c:v>
                </c:pt>
                <c:pt idx="1329">
                  <c:v>41.53</c:v>
                </c:pt>
                <c:pt idx="1330">
                  <c:v>41.56</c:v>
                </c:pt>
                <c:pt idx="1331">
                  <c:v>41.59</c:v>
                </c:pt>
                <c:pt idx="1332">
                  <c:v>41.63</c:v>
                </c:pt>
                <c:pt idx="1333">
                  <c:v>41.66</c:v>
                </c:pt>
                <c:pt idx="1334">
                  <c:v>41.69</c:v>
                </c:pt>
                <c:pt idx="1335">
                  <c:v>41.72</c:v>
                </c:pt>
                <c:pt idx="1336">
                  <c:v>41.75</c:v>
                </c:pt>
                <c:pt idx="1337">
                  <c:v>41.78</c:v>
                </c:pt>
                <c:pt idx="1338">
                  <c:v>41.81</c:v>
                </c:pt>
                <c:pt idx="1339">
                  <c:v>41.84</c:v>
                </c:pt>
                <c:pt idx="1340">
                  <c:v>41.88</c:v>
                </c:pt>
                <c:pt idx="1341">
                  <c:v>41.91</c:v>
                </c:pt>
                <c:pt idx="1342">
                  <c:v>41.94</c:v>
                </c:pt>
                <c:pt idx="1343">
                  <c:v>41.97</c:v>
                </c:pt>
                <c:pt idx="1344">
                  <c:v>42</c:v>
                </c:pt>
                <c:pt idx="1345">
                  <c:v>42.03</c:v>
                </c:pt>
                <c:pt idx="1346">
                  <c:v>42.06</c:v>
                </c:pt>
                <c:pt idx="1347">
                  <c:v>42.09</c:v>
                </c:pt>
                <c:pt idx="1348">
                  <c:v>42.13</c:v>
                </c:pt>
                <c:pt idx="1349">
                  <c:v>42.16</c:v>
                </c:pt>
                <c:pt idx="1350">
                  <c:v>42.19</c:v>
                </c:pt>
                <c:pt idx="1351">
                  <c:v>42.22</c:v>
                </c:pt>
                <c:pt idx="1352">
                  <c:v>42.25</c:v>
                </c:pt>
                <c:pt idx="1353">
                  <c:v>42.28</c:v>
                </c:pt>
                <c:pt idx="1354">
                  <c:v>42.31</c:v>
                </c:pt>
                <c:pt idx="1355">
                  <c:v>42.34</c:v>
                </c:pt>
                <c:pt idx="1356">
                  <c:v>42.38</c:v>
                </c:pt>
                <c:pt idx="1357">
                  <c:v>42.41</c:v>
                </c:pt>
                <c:pt idx="1358">
                  <c:v>42.44</c:v>
                </c:pt>
                <c:pt idx="1359">
                  <c:v>42.47</c:v>
                </c:pt>
                <c:pt idx="1360">
                  <c:v>42.5</c:v>
                </c:pt>
                <c:pt idx="1361">
                  <c:v>42.53</c:v>
                </c:pt>
                <c:pt idx="1362">
                  <c:v>42.56</c:v>
                </c:pt>
                <c:pt idx="1363">
                  <c:v>42.59</c:v>
                </c:pt>
                <c:pt idx="1364">
                  <c:v>42.63</c:v>
                </c:pt>
                <c:pt idx="1365">
                  <c:v>42.66</c:v>
                </c:pt>
                <c:pt idx="1366">
                  <c:v>42.69</c:v>
                </c:pt>
                <c:pt idx="1367">
                  <c:v>42.72</c:v>
                </c:pt>
                <c:pt idx="1368">
                  <c:v>42.75</c:v>
                </c:pt>
                <c:pt idx="1369">
                  <c:v>42.78</c:v>
                </c:pt>
                <c:pt idx="1370">
                  <c:v>42.81</c:v>
                </c:pt>
                <c:pt idx="1371">
                  <c:v>42.84</c:v>
                </c:pt>
                <c:pt idx="1372">
                  <c:v>42.88</c:v>
                </c:pt>
                <c:pt idx="1373">
                  <c:v>42.91</c:v>
                </c:pt>
                <c:pt idx="1374">
                  <c:v>42.94</c:v>
                </c:pt>
                <c:pt idx="1375">
                  <c:v>42.97</c:v>
                </c:pt>
                <c:pt idx="1376">
                  <c:v>43</c:v>
                </c:pt>
                <c:pt idx="1377">
                  <c:v>43.03</c:v>
                </c:pt>
                <c:pt idx="1378">
                  <c:v>43.06</c:v>
                </c:pt>
                <c:pt idx="1379">
                  <c:v>43.09</c:v>
                </c:pt>
                <c:pt idx="1380">
                  <c:v>43.13</c:v>
                </c:pt>
                <c:pt idx="1381">
                  <c:v>43.16</c:v>
                </c:pt>
                <c:pt idx="1382">
                  <c:v>43.19</c:v>
                </c:pt>
                <c:pt idx="1383">
                  <c:v>43.22</c:v>
                </c:pt>
                <c:pt idx="1384">
                  <c:v>43.25</c:v>
                </c:pt>
                <c:pt idx="1385">
                  <c:v>43.28</c:v>
                </c:pt>
                <c:pt idx="1386">
                  <c:v>43.31</c:v>
                </c:pt>
                <c:pt idx="1387">
                  <c:v>43.34</c:v>
                </c:pt>
                <c:pt idx="1388">
                  <c:v>43.38</c:v>
                </c:pt>
                <c:pt idx="1389">
                  <c:v>43.41</c:v>
                </c:pt>
                <c:pt idx="1390">
                  <c:v>43.44</c:v>
                </c:pt>
                <c:pt idx="1391">
                  <c:v>43.47</c:v>
                </c:pt>
                <c:pt idx="1392">
                  <c:v>43.5</c:v>
                </c:pt>
                <c:pt idx="1393">
                  <c:v>43.53</c:v>
                </c:pt>
                <c:pt idx="1394">
                  <c:v>43.56</c:v>
                </c:pt>
                <c:pt idx="1395">
                  <c:v>43.59</c:v>
                </c:pt>
                <c:pt idx="1396">
                  <c:v>43.63</c:v>
                </c:pt>
                <c:pt idx="1397">
                  <c:v>43.66</c:v>
                </c:pt>
                <c:pt idx="1398">
                  <c:v>43.69</c:v>
                </c:pt>
                <c:pt idx="1399">
                  <c:v>43.72</c:v>
                </c:pt>
                <c:pt idx="1400">
                  <c:v>43.75</c:v>
                </c:pt>
                <c:pt idx="1401">
                  <c:v>43.78</c:v>
                </c:pt>
                <c:pt idx="1402">
                  <c:v>43.81</c:v>
                </c:pt>
                <c:pt idx="1403">
                  <c:v>43.84</c:v>
                </c:pt>
                <c:pt idx="1404">
                  <c:v>43.88</c:v>
                </c:pt>
                <c:pt idx="1405">
                  <c:v>43.91</c:v>
                </c:pt>
                <c:pt idx="1406">
                  <c:v>43.94</c:v>
                </c:pt>
                <c:pt idx="1407">
                  <c:v>43.97</c:v>
                </c:pt>
                <c:pt idx="1408">
                  <c:v>44</c:v>
                </c:pt>
                <c:pt idx="1409">
                  <c:v>44.03</c:v>
                </c:pt>
                <c:pt idx="1410">
                  <c:v>44.06</c:v>
                </c:pt>
                <c:pt idx="1411">
                  <c:v>44.09</c:v>
                </c:pt>
                <c:pt idx="1412">
                  <c:v>44.13</c:v>
                </c:pt>
                <c:pt idx="1413">
                  <c:v>44.16</c:v>
                </c:pt>
                <c:pt idx="1414">
                  <c:v>44.19</c:v>
                </c:pt>
                <c:pt idx="1415">
                  <c:v>44.22</c:v>
                </c:pt>
                <c:pt idx="1416">
                  <c:v>44.25</c:v>
                </c:pt>
                <c:pt idx="1417">
                  <c:v>44.28</c:v>
                </c:pt>
                <c:pt idx="1418">
                  <c:v>44.31</c:v>
                </c:pt>
                <c:pt idx="1419">
                  <c:v>44.34</c:v>
                </c:pt>
                <c:pt idx="1420">
                  <c:v>44.38</c:v>
                </c:pt>
                <c:pt idx="1421">
                  <c:v>44.41</c:v>
                </c:pt>
                <c:pt idx="1422">
                  <c:v>44.44</c:v>
                </c:pt>
                <c:pt idx="1423">
                  <c:v>44.47</c:v>
                </c:pt>
                <c:pt idx="1424">
                  <c:v>44.5</c:v>
                </c:pt>
                <c:pt idx="1425">
                  <c:v>44.53</c:v>
                </c:pt>
                <c:pt idx="1426">
                  <c:v>44.56</c:v>
                </c:pt>
                <c:pt idx="1427">
                  <c:v>44.59</c:v>
                </c:pt>
                <c:pt idx="1428">
                  <c:v>44.63</c:v>
                </c:pt>
                <c:pt idx="1429">
                  <c:v>44.66</c:v>
                </c:pt>
                <c:pt idx="1430">
                  <c:v>44.69</c:v>
                </c:pt>
                <c:pt idx="1431">
                  <c:v>44.72</c:v>
                </c:pt>
                <c:pt idx="1432">
                  <c:v>44.75</c:v>
                </c:pt>
                <c:pt idx="1433">
                  <c:v>44.78</c:v>
                </c:pt>
                <c:pt idx="1434">
                  <c:v>44.81</c:v>
                </c:pt>
                <c:pt idx="1435">
                  <c:v>44.84</c:v>
                </c:pt>
                <c:pt idx="1436">
                  <c:v>44.88</c:v>
                </c:pt>
                <c:pt idx="1437">
                  <c:v>44.91</c:v>
                </c:pt>
                <c:pt idx="1438">
                  <c:v>44.94</c:v>
                </c:pt>
                <c:pt idx="1439">
                  <c:v>44.97</c:v>
                </c:pt>
                <c:pt idx="1440">
                  <c:v>45</c:v>
                </c:pt>
                <c:pt idx="1441">
                  <c:v>45.03</c:v>
                </c:pt>
                <c:pt idx="1442">
                  <c:v>45.06</c:v>
                </c:pt>
                <c:pt idx="1443">
                  <c:v>45.09</c:v>
                </c:pt>
                <c:pt idx="1444">
                  <c:v>45.13</c:v>
                </c:pt>
                <c:pt idx="1445">
                  <c:v>45.16</c:v>
                </c:pt>
                <c:pt idx="1446">
                  <c:v>45.19</c:v>
                </c:pt>
                <c:pt idx="1447">
                  <c:v>45.22</c:v>
                </c:pt>
                <c:pt idx="1448">
                  <c:v>45.25</c:v>
                </c:pt>
                <c:pt idx="1449">
                  <c:v>45.28</c:v>
                </c:pt>
                <c:pt idx="1450">
                  <c:v>45.31</c:v>
                </c:pt>
                <c:pt idx="1451">
                  <c:v>45.34</c:v>
                </c:pt>
                <c:pt idx="1452">
                  <c:v>45.38</c:v>
                </c:pt>
                <c:pt idx="1453">
                  <c:v>45.41</c:v>
                </c:pt>
                <c:pt idx="1454">
                  <c:v>45.44</c:v>
                </c:pt>
                <c:pt idx="1455">
                  <c:v>45.47</c:v>
                </c:pt>
                <c:pt idx="1456">
                  <c:v>45.5</c:v>
                </c:pt>
                <c:pt idx="1457">
                  <c:v>45.53</c:v>
                </c:pt>
                <c:pt idx="1458">
                  <c:v>45.56</c:v>
                </c:pt>
                <c:pt idx="1459">
                  <c:v>45.59</c:v>
                </c:pt>
                <c:pt idx="1460">
                  <c:v>45.63</c:v>
                </c:pt>
                <c:pt idx="1461">
                  <c:v>45.66</c:v>
                </c:pt>
                <c:pt idx="1462">
                  <c:v>45.69</c:v>
                </c:pt>
                <c:pt idx="1463">
                  <c:v>45.72</c:v>
                </c:pt>
                <c:pt idx="1464">
                  <c:v>45.75</c:v>
                </c:pt>
                <c:pt idx="1465">
                  <c:v>45.78</c:v>
                </c:pt>
                <c:pt idx="1466">
                  <c:v>45.81</c:v>
                </c:pt>
                <c:pt idx="1467">
                  <c:v>45.84</c:v>
                </c:pt>
                <c:pt idx="1468">
                  <c:v>45.88</c:v>
                </c:pt>
                <c:pt idx="1469">
                  <c:v>45.91</c:v>
                </c:pt>
                <c:pt idx="1470">
                  <c:v>45.94</c:v>
                </c:pt>
                <c:pt idx="1471">
                  <c:v>45.97</c:v>
                </c:pt>
                <c:pt idx="1472">
                  <c:v>46</c:v>
                </c:pt>
                <c:pt idx="1473">
                  <c:v>46.03</c:v>
                </c:pt>
                <c:pt idx="1474">
                  <c:v>46.06</c:v>
                </c:pt>
                <c:pt idx="1475">
                  <c:v>46.09</c:v>
                </c:pt>
                <c:pt idx="1476">
                  <c:v>46.13</c:v>
                </c:pt>
                <c:pt idx="1477">
                  <c:v>46.16</c:v>
                </c:pt>
                <c:pt idx="1478">
                  <c:v>46.19</c:v>
                </c:pt>
                <c:pt idx="1479">
                  <c:v>46.22</c:v>
                </c:pt>
                <c:pt idx="1480">
                  <c:v>46.25</c:v>
                </c:pt>
                <c:pt idx="1481">
                  <c:v>46.28</c:v>
                </c:pt>
                <c:pt idx="1482">
                  <c:v>46.31</c:v>
                </c:pt>
                <c:pt idx="1483">
                  <c:v>46.34</c:v>
                </c:pt>
                <c:pt idx="1484">
                  <c:v>46.38</c:v>
                </c:pt>
                <c:pt idx="1485">
                  <c:v>46.41</c:v>
                </c:pt>
                <c:pt idx="1486">
                  <c:v>46.44</c:v>
                </c:pt>
                <c:pt idx="1487">
                  <c:v>46.47</c:v>
                </c:pt>
                <c:pt idx="1488">
                  <c:v>46.5</c:v>
                </c:pt>
                <c:pt idx="1489">
                  <c:v>46.53</c:v>
                </c:pt>
                <c:pt idx="1490">
                  <c:v>46.56</c:v>
                </c:pt>
                <c:pt idx="1491">
                  <c:v>46.59</c:v>
                </c:pt>
                <c:pt idx="1492">
                  <c:v>46.63</c:v>
                </c:pt>
                <c:pt idx="1493">
                  <c:v>46.66</c:v>
                </c:pt>
                <c:pt idx="1494">
                  <c:v>46.69</c:v>
                </c:pt>
                <c:pt idx="1495">
                  <c:v>46.72</c:v>
                </c:pt>
                <c:pt idx="1496">
                  <c:v>46.75</c:v>
                </c:pt>
                <c:pt idx="1497">
                  <c:v>46.78</c:v>
                </c:pt>
                <c:pt idx="1498">
                  <c:v>46.81</c:v>
                </c:pt>
                <c:pt idx="1499">
                  <c:v>46.84</c:v>
                </c:pt>
                <c:pt idx="1500">
                  <c:v>46.88</c:v>
                </c:pt>
                <c:pt idx="1501">
                  <c:v>46.91</c:v>
                </c:pt>
                <c:pt idx="1502">
                  <c:v>46.94</c:v>
                </c:pt>
                <c:pt idx="1503">
                  <c:v>46.97</c:v>
                </c:pt>
                <c:pt idx="1504">
                  <c:v>47</c:v>
                </c:pt>
                <c:pt idx="1505">
                  <c:v>47.03</c:v>
                </c:pt>
                <c:pt idx="1506">
                  <c:v>47.06</c:v>
                </c:pt>
                <c:pt idx="1507">
                  <c:v>47.09</c:v>
                </c:pt>
                <c:pt idx="1508">
                  <c:v>47.13</c:v>
                </c:pt>
                <c:pt idx="1509">
                  <c:v>47.16</c:v>
                </c:pt>
                <c:pt idx="1510">
                  <c:v>47.19</c:v>
                </c:pt>
                <c:pt idx="1511">
                  <c:v>47.22</c:v>
                </c:pt>
                <c:pt idx="1512">
                  <c:v>47.25</c:v>
                </c:pt>
                <c:pt idx="1513">
                  <c:v>47.28</c:v>
                </c:pt>
                <c:pt idx="1514">
                  <c:v>47.31</c:v>
                </c:pt>
                <c:pt idx="1515">
                  <c:v>47.34</c:v>
                </c:pt>
                <c:pt idx="1516">
                  <c:v>47.38</c:v>
                </c:pt>
                <c:pt idx="1517">
                  <c:v>47.41</c:v>
                </c:pt>
                <c:pt idx="1518">
                  <c:v>47.44</c:v>
                </c:pt>
                <c:pt idx="1519">
                  <c:v>47.47</c:v>
                </c:pt>
                <c:pt idx="1520">
                  <c:v>47.5</c:v>
                </c:pt>
                <c:pt idx="1521">
                  <c:v>47.53</c:v>
                </c:pt>
                <c:pt idx="1522">
                  <c:v>47.56</c:v>
                </c:pt>
                <c:pt idx="1523">
                  <c:v>47.59</c:v>
                </c:pt>
                <c:pt idx="1524">
                  <c:v>47.63</c:v>
                </c:pt>
                <c:pt idx="1525">
                  <c:v>47.66</c:v>
                </c:pt>
                <c:pt idx="1526">
                  <c:v>47.69</c:v>
                </c:pt>
                <c:pt idx="1527">
                  <c:v>47.72</c:v>
                </c:pt>
                <c:pt idx="1528">
                  <c:v>47.75</c:v>
                </c:pt>
                <c:pt idx="1529">
                  <c:v>47.78</c:v>
                </c:pt>
                <c:pt idx="1530">
                  <c:v>47.81</c:v>
                </c:pt>
                <c:pt idx="1531">
                  <c:v>47.84</c:v>
                </c:pt>
                <c:pt idx="1532">
                  <c:v>47.88</c:v>
                </c:pt>
                <c:pt idx="1533">
                  <c:v>47.91</c:v>
                </c:pt>
                <c:pt idx="1534">
                  <c:v>47.94</c:v>
                </c:pt>
                <c:pt idx="1535">
                  <c:v>47.97</c:v>
                </c:pt>
                <c:pt idx="1536">
                  <c:v>48</c:v>
                </c:pt>
                <c:pt idx="1537">
                  <c:v>48.03</c:v>
                </c:pt>
                <c:pt idx="1538">
                  <c:v>48.06</c:v>
                </c:pt>
                <c:pt idx="1539">
                  <c:v>48.09</c:v>
                </c:pt>
                <c:pt idx="1540">
                  <c:v>48.13</c:v>
                </c:pt>
                <c:pt idx="1541">
                  <c:v>48.16</c:v>
                </c:pt>
                <c:pt idx="1542">
                  <c:v>48.19</c:v>
                </c:pt>
                <c:pt idx="1543">
                  <c:v>48.22</c:v>
                </c:pt>
                <c:pt idx="1544">
                  <c:v>48.25</c:v>
                </c:pt>
                <c:pt idx="1545">
                  <c:v>48.28</c:v>
                </c:pt>
                <c:pt idx="1546">
                  <c:v>48.31</c:v>
                </c:pt>
                <c:pt idx="1547">
                  <c:v>48.34</c:v>
                </c:pt>
                <c:pt idx="1548">
                  <c:v>48.38</c:v>
                </c:pt>
                <c:pt idx="1549">
                  <c:v>48.41</c:v>
                </c:pt>
                <c:pt idx="1550">
                  <c:v>48.44</c:v>
                </c:pt>
                <c:pt idx="1551">
                  <c:v>48.47</c:v>
                </c:pt>
                <c:pt idx="1552">
                  <c:v>48.5</c:v>
                </c:pt>
                <c:pt idx="1553">
                  <c:v>48.53</c:v>
                </c:pt>
                <c:pt idx="1554">
                  <c:v>48.56</c:v>
                </c:pt>
                <c:pt idx="1555">
                  <c:v>48.59</c:v>
                </c:pt>
                <c:pt idx="1556">
                  <c:v>48.63</c:v>
                </c:pt>
                <c:pt idx="1557">
                  <c:v>48.66</c:v>
                </c:pt>
                <c:pt idx="1558">
                  <c:v>48.69</c:v>
                </c:pt>
                <c:pt idx="1559">
                  <c:v>48.72</c:v>
                </c:pt>
                <c:pt idx="1560">
                  <c:v>48.75</c:v>
                </c:pt>
                <c:pt idx="1561">
                  <c:v>48.78</c:v>
                </c:pt>
                <c:pt idx="1562">
                  <c:v>48.81</c:v>
                </c:pt>
                <c:pt idx="1563">
                  <c:v>48.84</c:v>
                </c:pt>
                <c:pt idx="1564">
                  <c:v>48.88</c:v>
                </c:pt>
                <c:pt idx="1565">
                  <c:v>48.91</c:v>
                </c:pt>
                <c:pt idx="1566">
                  <c:v>48.94</c:v>
                </c:pt>
                <c:pt idx="1567">
                  <c:v>48.97</c:v>
                </c:pt>
                <c:pt idx="1568">
                  <c:v>49</c:v>
                </c:pt>
                <c:pt idx="1569">
                  <c:v>49.03</c:v>
                </c:pt>
                <c:pt idx="1570">
                  <c:v>49.06</c:v>
                </c:pt>
                <c:pt idx="1571">
                  <c:v>49.09</c:v>
                </c:pt>
                <c:pt idx="1572">
                  <c:v>49.13</c:v>
                </c:pt>
                <c:pt idx="1573">
                  <c:v>49.16</c:v>
                </c:pt>
                <c:pt idx="1574">
                  <c:v>49.19</c:v>
                </c:pt>
                <c:pt idx="1575">
                  <c:v>49.22</c:v>
                </c:pt>
                <c:pt idx="1576">
                  <c:v>49.25</c:v>
                </c:pt>
                <c:pt idx="1577">
                  <c:v>49.28</c:v>
                </c:pt>
                <c:pt idx="1578">
                  <c:v>49.31</c:v>
                </c:pt>
                <c:pt idx="1579">
                  <c:v>49.34</c:v>
                </c:pt>
                <c:pt idx="1580">
                  <c:v>49.38</c:v>
                </c:pt>
                <c:pt idx="1581">
                  <c:v>49.41</c:v>
                </c:pt>
                <c:pt idx="1582">
                  <c:v>49.44</c:v>
                </c:pt>
                <c:pt idx="1583">
                  <c:v>49.47</c:v>
                </c:pt>
                <c:pt idx="1584">
                  <c:v>49.5</c:v>
                </c:pt>
                <c:pt idx="1585">
                  <c:v>49.53</c:v>
                </c:pt>
                <c:pt idx="1586">
                  <c:v>49.56</c:v>
                </c:pt>
                <c:pt idx="1587">
                  <c:v>49.59</c:v>
                </c:pt>
                <c:pt idx="1588">
                  <c:v>49.63</c:v>
                </c:pt>
                <c:pt idx="1589">
                  <c:v>49.66</c:v>
                </c:pt>
                <c:pt idx="1590">
                  <c:v>49.69</c:v>
                </c:pt>
                <c:pt idx="1591">
                  <c:v>49.72</c:v>
                </c:pt>
                <c:pt idx="1592">
                  <c:v>49.75</c:v>
                </c:pt>
                <c:pt idx="1593">
                  <c:v>49.78</c:v>
                </c:pt>
                <c:pt idx="1594">
                  <c:v>49.81</c:v>
                </c:pt>
                <c:pt idx="1595">
                  <c:v>49.84</c:v>
                </c:pt>
                <c:pt idx="1596">
                  <c:v>49.88</c:v>
                </c:pt>
                <c:pt idx="1597">
                  <c:v>49.91</c:v>
                </c:pt>
                <c:pt idx="1598">
                  <c:v>49.94</c:v>
                </c:pt>
                <c:pt idx="1599">
                  <c:v>49.97</c:v>
                </c:pt>
              </c:numCache>
            </c:numRef>
          </c:xVal>
          <c:yVal>
            <c:numRef>
              <c:f>'20260119 112857 SCAN SEM PERLEC'!$B$11:$B$1610</c:f>
              <c:numCache>
                <c:formatCode>0.00E+00</c:formatCode>
                <c:ptCount val="1600"/>
                <c:pt idx="0">
                  <c:v>-1.579872E-14</c:v>
                </c:pt>
                <c:pt idx="1">
                  <c:v>-6.0150319999999999E-15</c:v>
                </c:pt>
                <c:pt idx="2">
                  <c:v>-1.6932390000000001E-15</c:v>
                </c:pt>
                <c:pt idx="3">
                  <c:v>-4.4725050000000003E-16</c:v>
                </c:pt>
                <c:pt idx="4">
                  <c:v>-6.7245970000000004E-16</c:v>
                </c:pt>
                <c:pt idx="5">
                  <c:v>-2.48452E-15</c:v>
                </c:pt>
                <c:pt idx="6">
                  <c:v>-6.7900679999999999E-15</c:v>
                </c:pt>
                <c:pt idx="7">
                  <c:v>-1.3047790000000001E-14</c:v>
                </c:pt>
                <c:pt idx="8">
                  <c:v>-1.831033E-14</c:v>
                </c:pt>
                <c:pt idx="9">
                  <c:v>-2.0141549999999998E-14</c:v>
                </c:pt>
                <c:pt idx="10">
                  <c:v>-1.9131550000000001E-14</c:v>
                </c:pt>
                <c:pt idx="11">
                  <c:v>-1.7082779999999999E-14</c:v>
                </c:pt>
                <c:pt idx="12">
                  <c:v>-1.501645E-14</c:v>
                </c:pt>
                <c:pt idx="13">
                  <c:v>-1.346949E-14</c:v>
                </c:pt>
                <c:pt idx="14">
                  <c:v>-1.2798239999999999E-14</c:v>
                </c:pt>
                <c:pt idx="15">
                  <c:v>-1.290723E-14</c:v>
                </c:pt>
                <c:pt idx="16">
                  <c:v>-1.3325930000000001E-14</c:v>
                </c:pt>
                <c:pt idx="17">
                  <c:v>-1.353538E-14</c:v>
                </c:pt>
                <c:pt idx="18">
                  <c:v>-1.3038860000000001E-14</c:v>
                </c:pt>
                <c:pt idx="19">
                  <c:v>-1.1454189999999999E-14</c:v>
                </c:pt>
                <c:pt idx="20">
                  <c:v>-9.7115320000000007E-15</c:v>
                </c:pt>
                <c:pt idx="21">
                  <c:v>-9.7615190000000003E-15</c:v>
                </c:pt>
                <c:pt idx="22">
                  <c:v>-9.9386100000000008E-15</c:v>
                </c:pt>
                <c:pt idx="23">
                  <c:v>-4.7848340000000002E-15</c:v>
                </c:pt>
                <c:pt idx="24">
                  <c:v>6.5915489999999998E-15</c:v>
                </c:pt>
                <c:pt idx="25">
                  <c:v>2.208776E-14</c:v>
                </c:pt>
                <c:pt idx="26">
                  <c:v>5.9440279999999997E-14</c:v>
                </c:pt>
                <c:pt idx="27">
                  <c:v>1.857438E-13</c:v>
                </c:pt>
                <c:pt idx="28">
                  <c:v>5.3200800000000003E-13</c:v>
                </c:pt>
                <c:pt idx="29">
                  <c:v>1.26264E-12</c:v>
                </c:pt>
                <c:pt idx="30">
                  <c:v>2.491812E-12</c:v>
                </c:pt>
                <c:pt idx="31">
                  <c:v>4.232542E-12</c:v>
                </c:pt>
                <c:pt idx="32">
                  <c:v>6.4234280000000003E-12</c:v>
                </c:pt>
                <c:pt idx="33">
                  <c:v>8.8692759999999997E-12</c:v>
                </c:pt>
                <c:pt idx="34">
                  <c:v>1.109331E-11</c:v>
                </c:pt>
                <c:pt idx="35">
                  <c:v>1.244295E-11</c:v>
                </c:pt>
                <c:pt idx="36">
                  <c:v>1.244852E-11</c:v>
                </c:pt>
                <c:pt idx="37">
                  <c:v>1.106405E-11</c:v>
                </c:pt>
                <c:pt idx="38">
                  <c:v>8.6818040000000003E-12</c:v>
                </c:pt>
                <c:pt idx="39">
                  <c:v>5.9648780000000004E-12</c:v>
                </c:pt>
                <c:pt idx="40">
                  <c:v>3.5664099999999999E-12</c:v>
                </c:pt>
                <c:pt idx="41">
                  <c:v>1.8739999999999999E-12</c:v>
                </c:pt>
                <c:pt idx="42">
                  <c:v>9.011018E-13</c:v>
                </c:pt>
                <c:pt idx="43">
                  <c:v>4.172128E-13</c:v>
                </c:pt>
                <c:pt idx="44">
                  <c:v>1.9114289999999999E-13</c:v>
                </c:pt>
                <c:pt idx="45">
                  <c:v>9.6230250000000003E-14</c:v>
                </c:pt>
                <c:pt idx="46">
                  <c:v>7.3603050000000003E-14</c:v>
                </c:pt>
                <c:pt idx="47">
                  <c:v>9.2889379999999994E-14</c:v>
                </c:pt>
                <c:pt idx="48">
                  <c:v>1.4598780000000001E-13</c:v>
                </c:pt>
                <c:pt idx="49">
                  <c:v>2.4521009999999998E-13</c:v>
                </c:pt>
                <c:pt idx="50">
                  <c:v>4.1276409999999999E-13</c:v>
                </c:pt>
                <c:pt idx="51">
                  <c:v>6.6505410000000002E-13</c:v>
                </c:pt>
                <c:pt idx="52">
                  <c:v>9.9408610000000003E-13</c:v>
                </c:pt>
                <c:pt idx="53">
                  <c:v>1.3555109999999999E-12</c:v>
                </c:pt>
                <c:pt idx="54">
                  <c:v>1.699972E-12</c:v>
                </c:pt>
                <c:pt idx="55">
                  <c:v>2.0401119999999998E-12</c:v>
                </c:pt>
                <c:pt idx="56">
                  <c:v>2.449551E-12</c:v>
                </c:pt>
                <c:pt idx="57">
                  <c:v>2.9689039999999999E-12</c:v>
                </c:pt>
                <c:pt idx="58">
                  <c:v>3.5569999999999999E-12</c:v>
                </c:pt>
                <c:pt idx="59">
                  <c:v>4.1509720000000004E-12</c:v>
                </c:pt>
                <c:pt idx="60">
                  <c:v>4.709933E-12</c:v>
                </c:pt>
                <c:pt idx="61">
                  <c:v>5.1698980000000001E-12</c:v>
                </c:pt>
                <c:pt idx="62">
                  <c:v>5.4368880000000003E-12</c:v>
                </c:pt>
                <c:pt idx="63">
                  <c:v>5.4867959999999997E-12</c:v>
                </c:pt>
                <c:pt idx="64">
                  <c:v>5.4158960000000001E-12</c:v>
                </c:pt>
                <c:pt idx="65">
                  <c:v>5.3354219999999998E-12</c:v>
                </c:pt>
                <c:pt idx="66">
                  <c:v>5.2621840000000004E-12</c:v>
                </c:pt>
                <c:pt idx="67">
                  <c:v>5.1520860000000002E-12</c:v>
                </c:pt>
                <c:pt idx="68">
                  <c:v>4.9598609999999996E-12</c:v>
                </c:pt>
                <c:pt idx="69">
                  <c:v>4.6132990000000004E-12</c:v>
                </c:pt>
                <c:pt idx="70">
                  <c:v>4.0163810000000001E-12</c:v>
                </c:pt>
                <c:pt idx="71">
                  <c:v>3.1492870000000001E-12</c:v>
                </c:pt>
                <c:pt idx="72">
                  <c:v>2.1477559999999998E-12</c:v>
                </c:pt>
                <c:pt idx="73">
                  <c:v>1.244825E-12</c:v>
                </c:pt>
                <c:pt idx="74">
                  <c:v>6.1073150000000002E-13</c:v>
                </c:pt>
                <c:pt idx="75">
                  <c:v>2.5927500000000002E-13</c:v>
                </c:pt>
                <c:pt idx="76">
                  <c:v>1.001234E-13</c:v>
                </c:pt>
                <c:pt idx="77">
                  <c:v>3.7148909999999999E-14</c:v>
                </c:pt>
                <c:pt idx="78">
                  <c:v>1.342223E-14</c:v>
                </c:pt>
                <c:pt idx="79">
                  <c:v>5.02483E-15</c:v>
                </c:pt>
                <c:pt idx="80">
                  <c:v>3.16089E-15</c:v>
                </c:pt>
                <c:pt idx="81">
                  <c:v>4.6692870000000003E-15</c:v>
                </c:pt>
                <c:pt idx="82">
                  <c:v>9.547508E-15</c:v>
                </c:pt>
                <c:pt idx="83">
                  <c:v>1.675665E-14</c:v>
                </c:pt>
                <c:pt idx="84">
                  <c:v>2.033438E-14</c:v>
                </c:pt>
                <c:pt idx="85">
                  <c:v>1.5513289999999999E-14</c:v>
                </c:pt>
                <c:pt idx="86">
                  <c:v>6.0907279999999998E-15</c:v>
                </c:pt>
                <c:pt idx="87">
                  <c:v>-5.6755529999999996E-16</c:v>
                </c:pt>
                <c:pt idx="88">
                  <c:v>-1.8961699999999998E-15</c:v>
                </c:pt>
                <c:pt idx="89">
                  <c:v>-1.2885620000000001E-16</c:v>
                </c:pt>
                <c:pt idx="90">
                  <c:v>1.9186390000000001E-15</c:v>
                </c:pt>
                <c:pt idx="91">
                  <c:v>3.009619E-15</c:v>
                </c:pt>
                <c:pt idx="92">
                  <c:v>4.327111E-15</c:v>
                </c:pt>
                <c:pt idx="93">
                  <c:v>8.9154949999999999E-15</c:v>
                </c:pt>
                <c:pt idx="94">
                  <c:v>1.772136E-14</c:v>
                </c:pt>
                <c:pt idx="95">
                  <c:v>2.602902E-14</c:v>
                </c:pt>
                <c:pt idx="96">
                  <c:v>2.745129E-14</c:v>
                </c:pt>
                <c:pt idx="97">
                  <c:v>2.244652E-14</c:v>
                </c:pt>
                <c:pt idx="98">
                  <c:v>1.834803E-14</c:v>
                </c:pt>
                <c:pt idx="99">
                  <c:v>1.9648549999999999E-14</c:v>
                </c:pt>
                <c:pt idx="100">
                  <c:v>2.2534979999999999E-14</c:v>
                </c:pt>
                <c:pt idx="101">
                  <c:v>2.061857E-14</c:v>
                </c:pt>
                <c:pt idx="102">
                  <c:v>1.3139110000000001E-14</c:v>
                </c:pt>
                <c:pt idx="103">
                  <c:v>4.6663279999999998E-15</c:v>
                </c:pt>
                <c:pt idx="104">
                  <c:v>-1.0847580000000001E-15</c:v>
                </c:pt>
                <c:pt idx="105">
                  <c:v>-3.3034199999999999E-15</c:v>
                </c:pt>
                <c:pt idx="106">
                  <c:v>-2.2838220000000001E-15</c:v>
                </c:pt>
                <c:pt idx="107">
                  <c:v>1.0186849999999999E-15</c:v>
                </c:pt>
                <c:pt idx="108">
                  <c:v>4.8755909999999998E-15</c:v>
                </c:pt>
                <c:pt idx="109">
                  <c:v>8.1384510000000002E-15</c:v>
                </c:pt>
                <c:pt idx="110">
                  <c:v>1.23686E-14</c:v>
                </c:pt>
                <c:pt idx="111">
                  <c:v>2.2952480000000001E-14</c:v>
                </c:pt>
                <c:pt idx="112">
                  <c:v>4.8238260000000002E-14</c:v>
                </c:pt>
                <c:pt idx="113">
                  <c:v>9.7492270000000004E-14</c:v>
                </c:pt>
                <c:pt idx="114">
                  <c:v>1.7497009999999999E-13</c:v>
                </c:pt>
                <c:pt idx="115">
                  <c:v>2.6679840000000002E-13</c:v>
                </c:pt>
                <c:pt idx="116">
                  <c:v>3.4233970000000001E-13</c:v>
                </c:pt>
                <c:pt idx="117">
                  <c:v>3.938252E-13</c:v>
                </c:pt>
                <c:pt idx="118">
                  <c:v>4.6573240000000005E-13</c:v>
                </c:pt>
                <c:pt idx="119">
                  <c:v>6.0633620000000005E-13</c:v>
                </c:pt>
                <c:pt idx="120">
                  <c:v>7.9082450000000003E-13</c:v>
                </c:pt>
                <c:pt idx="121">
                  <c:v>9.3855789999999999E-13</c:v>
                </c:pt>
                <c:pt idx="122">
                  <c:v>1.0176830000000001E-12</c:v>
                </c:pt>
                <c:pt idx="123">
                  <c:v>1.0734910000000001E-12</c:v>
                </c:pt>
                <c:pt idx="124">
                  <c:v>1.140248E-12</c:v>
                </c:pt>
                <c:pt idx="125">
                  <c:v>1.188934E-12</c:v>
                </c:pt>
                <c:pt idx="126">
                  <c:v>1.1812819999999999E-12</c:v>
                </c:pt>
                <c:pt idx="127">
                  <c:v>1.133123E-12</c:v>
                </c:pt>
                <c:pt idx="128">
                  <c:v>1.092595E-12</c:v>
                </c:pt>
                <c:pt idx="129">
                  <c:v>1.084271E-12</c:v>
                </c:pt>
                <c:pt idx="130">
                  <c:v>1.086593E-12</c:v>
                </c:pt>
                <c:pt idx="131">
                  <c:v>1.0386840000000001E-12</c:v>
                </c:pt>
                <c:pt idx="132">
                  <c:v>9.0245649999999997E-13</c:v>
                </c:pt>
                <c:pt idx="133">
                  <c:v>7.1968610000000001E-13</c:v>
                </c:pt>
                <c:pt idx="134">
                  <c:v>5.5344110000000004E-13</c:v>
                </c:pt>
                <c:pt idx="135">
                  <c:v>4.0925650000000001E-13</c:v>
                </c:pt>
                <c:pt idx="136">
                  <c:v>2.6766040000000002E-13</c:v>
                </c:pt>
                <c:pt idx="137">
                  <c:v>1.44277E-13</c:v>
                </c:pt>
                <c:pt idx="138">
                  <c:v>6.8803750000000001E-14</c:v>
                </c:pt>
                <c:pt idx="139">
                  <c:v>4.186076E-14</c:v>
                </c:pt>
                <c:pt idx="140">
                  <c:v>4.0508780000000001E-14</c:v>
                </c:pt>
                <c:pt idx="141">
                  <c:v>4.4282329999999999E-14</c:v>
                </c:pt>
                <c:pt idx="142">
                  <c:v>4.5697660000000002E-14</c:v>
                </c:pt>
                <c:pt idx="143">
                  <c:v>4.6022490000000002E-14</c:v>
                </c:pt>
                <c:pt idx="144">
                  <c:v>4.7791009999999999E-14</c:v>
                </c:pt>
                <c:pt idx="145">
                  <c:v>5.0766170000000003E-14</c:v>
                </c:pt>
                <c:pt idx="146">
                  <c:v>5.3351769999999998E-14</c:v>
                </c:pt>
                <c:pt idx="147">
                  <c:v>5.6162180000000003E-14</c:v>
                </c:pt>
                <c:pt idx="148">
                  <c:v>6.1855189999999996E-14</c:v>
                </c:pt>
                <c:pt idx="149">
                  <c:v>7.0237629999999997E-14</c:v>
                </c:pt>
                <c:pt idx="150">
                  <c:v>7.5140009999999994E-14</c:v>
                </c:pt>
                <c:pt idx="151">
                  <c:v>7.0347720000000005E-14</c:v>
                </c:pt>
                <c:pt idx="152">
                  <c:v>5.8057729999999999E-14</c:v>
                </c:pt>
                <c:pt idx="153">
                  <c:v>4.6871509999999999E-14</c:v>
                </c:pt>
                <c:pt idx="154">
                  <c:v>4.4955899999999998E-14</c:v>
                </c:pt>
                <c:pt idx="155">
                  <c:v>5.756552E-14</c:v>
                </c:pt>
                <c:pt idx="156">
                  <c:v>8.3540179999999996E-14</c:v>
                </c:pt>
                <c:pt idx="157">
                  <c:v>1.154506E-13</c:v>
                </c:pt>
                <c:pt idx="158">
                  <c:v>1.498195E-13</c:v>
                </c:pt>
                <c:pt idx="159">
                  <c:v>1.8891299999999999E-13</c:v>
                </c:pt>
                <c:pt idx="160">
                  <c:v>2.280434E-13</c:v>
                </c:pt>
                <c:pt idx="161">
                  <c:v>2.5678679999999998E-13</c:v>
                </c:pt>
                <c:pt idx="162">
                  <c:v>2.7841429999999998E-13</c:v>
                </c:pt>
                <c:pt idx="163">
                  <c:v>3.1416090000000001E-13</c:v>
                </c:pt>
                <c:pt idx="164">
                  <c:v>3.8067520000000001E-13</c:v>
                </c:pt>
                <c:pt idx="165">
                  <c:v>4.6249449999999995E-13</c:v>
                </c:pt>
                <c:pt idx="166">
                  <c:v>5.218669E-13</c:v>
                </c:pt>
                <c:pt idx="167">
                  <c:v>5.5833210000000001E-13</c:v>
                </c:pt>
                <c:pt idx="168">
                  <c:v>6.2328669999999998E-13</c:v>
                </c:pt>
                <c:pt idx="169">
                  <c:v>7.3306880000000004E-13</c:v>
                </c:pt>
                <c:pt idx="170">
                  <c:v>8.1131580000000002E-13</c:v>
                </c:pt>
                <c:pt idx="171">
                  <c:v>7.7215519999999997E-13</c:v>
                </c:pt>
                <c:pt idx="172">
                  <c:v>6.390544E-13</c:v>
                </c:pt>
                <c:pt idx="173">
                  <c:v>5.2630720000000001E-13</c:v>
                </c:pt>
                <c:pt idx="174">
                  <c:v>5.0370940000000004E-13</c:v>
                </c:pt>
                <c:pt idx="175">
                  <c:v>5.3554750000000005E-13</c:v>
                </c:pt>
                <c:pt idx="176">
                  <c:v>5.6679010000000001E-13</c:v>
                </c:pt>
                <c:pt idx="177">
                  <c:v>6.1033290000000004E-13</c:v>
                </c:pt>
                <c:pt idx="178">
                  <c:v>7.1767910000000001E-13</c:v>
                </c:pt>
                <c:pt idx="179">
                  <c:v>9.0974800000000009E-13</c:v>
                </c:pt>
                <c:pt idx="180">
                  <c:v>1.179053E-12</c:v>
                </c:pt>
                <c:pt idx="181">
                  <c:v>1.5424520000000001E-12</c:v>
                </c:pt>
                <c:pt idx="182">
                  <c:v>2.0245129999999999E-12</c:v>
                </c:pt>
                <c:pt idx="183">
                  <c:v>2.5743459999999999E-12</c:v>
                </c:pt>
                <c:pt idx="184">
                  <c:v>3.0836809999999998E-12</c:v>
                </c:pt>
                <c:pt idx="185">
                  <c:v>3.508729E-12</c:v>
                </c:pt>
                <c:pt idx="186">
                  <c:v>3.8980290000000003E-12</c:v>
                </c:pt>
                <c:pt idx="187">
                  <c:v>4.2761859999999999E-12</c:v>
                </c:pt>
                <c:pt idx="188">
                  <c:v>4.5655920000000001E-12</c:v>
                </c:pt>
                <c:pt idx="189">
                  <c:v>4.6682750000000003E-12</c:v>
                </c:pt>
                <c:pt idx="190">
                  <c:v>4.5780679999999998E-12</c:v>
                </c:pt>
                <c:pt idx="191">
                  <c:v>4.3708790000000003E-12</c:v>
                </c:pt>
                <c:pt idx="192">
                  <c:v>4.1356630000000003E-12</c:v>
                </c:pt>
                <c:pt idx="193">
                  <c:v>3.9537660000000001E-12</c:v>
                </c:pt>
                <c:pt idx="194">
                  <c:v>3.8679440000000001E-12</c:v>
                </c:pt>
                <c:pt idx="195">
                  <c:v>3.8093209999999999E-12</c:v>
                </c:pt>
                <c:pt idx="196">
                  <c:v>3.6263949999999999E-12</c:v>
                </c:pt>
                <c:pt idx="197">
                  <c:v>3.2218740000000002E-12</c:v>
                </c:pt>
                <c:pt idx="198">
                  <c:v>2.6153199999999998E-12</c:v>
                </c:pt>
                <c:pt idx="199">
                  <c:v>1.9035050000000002E-12</c:v>
                </c:pt>
                <c:pt idx="200">
                  <c:v>1.214739E-12</c:v>
                </c:pt>
                <c:pt idx="201">
                  <c:v>6.700882E-13</c:v>
                </c:pt>
                <c:pt idx="202">
                  <c:v>3.2888000000000001E-13</c:v>
                </c:pt>
                <c:pt idx="203">
                  <c:v>1.5984320000000001E-13</c:v>
                </c:pt>
                <c:pt idx="204">
                  <c:v>8.6291239999999995E-14</c:v>
                </c:pt>
                <c:pt idx="205">
                  <c:v>5.3588479999999998E-14</c:v>
                </c:pt>
                <c:pt idx="206">
                  <c:v>4.1703430000000002E-14</c:v>
                </c:pt>
                <c:pt idx="207">
                  <c:v>4.1474489999999998E-14</c:v>
                </c:pt>
                <c:pt idx="208">
                  <c:v>4.4505819999999999E-14</c:v>
                </c:pt>
                <c:pt idx="209">
                  <c:v>4.8013799999999999E-14</c:v>
                </c:pt>
                <c:pt idx="210">
                  <c:v>5.5524550000000001E-14</c:v>
                </c:pt>
                <c:pt idx="211">
                  <c:v>6.864476E-14</c:v>
                </c:pt>
                <c:pt idx="212">
                  <c:v>8.2113329999999997E-14</c:v>
                </c:pt>
                <c:pt idx="213">
                  <c:v>9.0075120000000001E-14</c:v>
                </c:pt>
                <c:pt idx="214">
                  <c:v>9.4123790000000006E-14</c:v>
                </c:pt>
                <c:pt idx="215">
                  <c:v>1.023983E-13</c:v>
                </c:pt>
                <c:pt idx="216">
                  <c:v>1.2058369999999999E-13</c:v>
                </c:pt>
                <c:pt idx="217">
                  <c:v>1.455818E-13</c:v>
                </c:pt>
                <c:pt idx="218">
                  <c:v>1.676117E-13</c:v>
                </c:pt>
                <c:pt idx="219">
                  <c:v>1.7790250000000001E-13</c:v>
                </c:pt>
                <c:pt idx="220">
                  <c:v>1.7729300000000001E-13</c:v>
                </c:pt>
                <c:pt idx="221">
                  <c:v>1.7394629999999999E-13</c:v>
                </c:pt>
                <c:pt idx="222">
                  <c:v>1.7110169999999999E-13</c:v>
                </c:pt>
                <c:pt idx="223">
                  <c:v>1.6608800000000001E-13</c:v>
                </c:pt>
                <c:pt idx="224">
                  <c:v>1.59267E-13</c:v>
                </c:pt>
                <c:pt idx="225">
                  <c:v>1.514873E-13</c:v>
                </c:pt>
                <c:pt idx="226">
                  <c:v>1.3706439999999999E-13</c:v>
                </c:pt>
                <c:pt idx="227">
                  <c:v>1.1291380000000001E-13</c:v>
                </c:pt>
                <c:pt idx="228">
                  <c:v>8.7615000000000001E-14</c:v>
                </c:pt>
                <c:pt idx="229">
                  <c:v>7.0339800000000004E-14</c:v>
                </c:pt>
                <c:pt idx="230">
                  <c:v>5.9710889999999996E-14</c:v>
                </c:pt>
                <c:pt idx="231">
                  <c:v>4.8450029999999999E-14</c:v>
                </c:pt>
                <c:pt idx="232">
                  <c:v>3.303059E-14</c:v>
                </c:pt>
                <c:pt idx="233">
                  <c:v>1.699525E-14</c:v>
                </c:pt>
                <c:pt idx="234">
                  <c:v>6.2868679999999999E-15</c:v>
                </c:pt>
                <c:pt idx="235">
                  <c:v>3.9120190000000002E-15</c:v>
                </c:pt>
                <c:pt idx="236">
                  <c:v>9.4668299999999993E-15</c:v>
                </c:pt>
                <c:pt idx="237">
                  <c:v>2.1887929999999999E-14</c:v>
                </c:pt>
                <c:pt idx="238">
                  <c:v>4.3306000000000001E-14</c:v>
                </c:pt>
                <c:pt idx="239">
                  <c:v>8.3104230000000003E-14</c:v>
                </c:pt>
                <c:pt idx="240">
                  <c:v>1.621249E-13</c:v>
                </c:pt>
                <c:pt idx="241">
                  <c:v>3.1026600000000001E-13</c:v>
                </c:pt>
                <c:pt idx="242">
                  <c:v>5.4473490000000004E-13</c:v>
                </c:pt>
                <c:pt idx="243">
                  <c:v>8.4777560000000003E-13</c:v>
                </c:pt>
                <c:pt idx="244">
                  <c:v>1.190826E-12</c:v>
                </c:pt>
                <c:pt idx="245">
                  <c:v>1.5907700000000001E-12</c:v>
                </c:pt>
                <c:pt idx="246">
                  <c:v>2.1005659999999999E-12</c:v>
                </c:pt>
                <c:pt idx="247">
                  <c:v>2.7171970000000001E-12</c:v>
                </c:pt>
                <c:pt idx="248">
                  <c:v>3.3450969999999998E-12</c:v>
                </c:pt>
                <c:pt idx="249">
                  <c:v>3.8739880000000002E-12</c:v>
                </c:pt>
                <c:pt idx="250">
                  <c:v>4.2569780000000004E-12</c:v>
                </c:pt>
                <c:pt idx="251">
                  <c:v>4.5109369999999996E-12</c:v>
                </c:pt>
                <c:pt idx="252">
                  <c:v>4.6669809999999997E-12</c:v>
                </c:pt>
                <c:pt idx="253">
                  <c:v>4.7235369999999998E-12</c:v>
                </c:pt>
                <c:pt idx="254">
                  <c:v>4.6678970000000002E-12</c:v>
                </c:pt>
                <c:pt idx="255">
                  <c:v>4.5473740000000001E-12</c:v>
                </c:pt>
                <c:pt idx="256">
                  <c:v>4.4427819999999997E-12</c:v>
                </c:pt>
                <c:pt idx="257">
                  <c:v>4.3504809999999996E-12</c:v>
                </c:pt>
                <c:pt idx="258">
                  <c:v>4.1847819999999998E-12</c:v>
                </c:pt>
                <c:pt idx="259">
                  <c:v>3.9084139999999998E-12</c:v>
                </c:pt>
                <c:pt idx="260">
                  <c:v>3.5590149999999999E-12</c:v>
                </c:pt>
                <c:pt idx="261">
                  <c:v>3.1391410000000001E-12</c:v>
                </c:pt>
                <c:pt idx="262">
                  <c:v>2.58534E-12</c:v>
                </c:pt>
                <c:pt idx="263">
                  <c:v>1.8955580000000001E-12</c:v>
                </c:pt>
                <c:pt idx="264">
                  <c:v>1.1988689999999999E-12</c:v>
                </c:pt>
                <c:pt idx="265">
                  <c:v>6.4512659999999995E-13</c:v>
                </c:pt>
                <c:pt idx="266">
                  <c:v>2.928631E-13</c:v>
                </c:pt>
                <c:pt idx="267">
                  <c:v>1.117156E-13</c:v>
                </c:pt>
                <c:pt idx="268">
                  <c:v>3.7366400000000001E-14</c:v>
                </c:pt>
                <c:pt idx="269">
                  <c:v>1.518644E-14</c:v>
                </c:pt>
                <c:pt idx="270">
                  <c:v>1.405388E-14</c:v>
                </c:pt>
                <c:pt idx="271">
                  <c:v>1.930461E-14</c:v>
                </c:pt>
                <c:pt idx="272">
                  <c:v>2.296393E-14</c:v>
                </c:pt>
                <c:pt idx="273">
                  <c:v>2.167647E-14</c:v>
                </c:pt>
                <c:pt idx="274">
                  <c:v>1.7745210000000001E-14</c:v>
                </c:pt>
                <c:pt idx="275">
                  <c:v>1.4947369999999999E-14</c:v>
                </c:pt>
                <c:pt idx="276">
                  <c:v>1.353524E-14</c:v>
                </c:pt>
                <c:pt idx="277">
                  <c:v>1.169285E-14</c:v>
                </c:pt>
                <c:pt idx="278">
                  <c:v>9.5745910000000007E-15</c:v>
                </c:pt>
                <c:pt idx="279">
                  <c:v>9.0115610000000007E-15</c:v>
                </c:pt>
                <c:pt idx="280">
                  <c:v>1.0341170000000001E-14</c:v>
                </c:pt>
                <c:pt idx="281">
                  <c:v>1.2587329999999999E-14</c:v>
                </c:pt>
                <c:pt idx="282">
                  <c:v>1.6200800000000001E-14</c:v>
                </c:pt>
                <c:pt idx="283">
                  <c:v>2.2147940000000001E-14</c:v>
                </c:pt>
                <c:pt idx="284">
                  <c:v>2.8374069999999999E-14</c:v>
                </c:pt>
                <c:pt idx="285">
                  <c:v>3.0401459999999998E-14</c:v>
                </c:pt>
                <c:pt idx="286">
                  <c:v>2.712744E-14</c:v>
                </c:pt>
                <c:pt idx="287">
                  <c:v>2.3902560000000001E-14</c:v>
                </c:pt>
                <c:pt idx="288">
                  <c:v>2.6973689999999999E-14</c:v>
                </c:pt>
                <c:pt idx="289">
                  <c:v>3.6093839999999997E-14</c:v>
                </c:pt>
                <c:pt idx="290">
                  <c:v>4.4537360000000001E-14</c:v>
                </c:pt>
                <c:pt idx="291">
                  <c:v>4.6456459999999998E-14</c:v>
                </c:pt>
                <c:pt idx="292">
                  <c:v>4.4233070000000001E-14</c:v>
                </c:pt>
                <c:pt idx="293">
                  <c:v>4.6419700000000003E-14</c:v>
                </c:pt>
                <c:pt idx="294">
                  <c:v>5.6558910000000001E-14</c:v>
                </c:pt>
                <c:pt idx="295">
                  <c:v>6.7192059999999997E-14</c:v>
                </c:pt>
                <c:pt idx="296">
                  <c:v>6.8261970000000003E-14</c:v>
                </c:pt>
                <c:pt idx="297">
                  <c:v>5.9429149999999994E-14</c:v>
                </c:pt>
                <c:pt idx="298">
                  <c:v>4.9387609999999999E-14</c:v>
                </c:pt>
                <c:pt idx="299">
                  <c:v>4.5163990000000001E-14</c:v>
                </c:pt>
                <c:pt idx="300">
                  <c:v>4.7419279999999999E-14</c:v>
                </c:pt>
                <c:pt idx="301">
                  <c:v>5.3818440000000001E-14</c:v>
                </c:pt>
                <c:pt idx="302">
                  <c:v>6.4372280000000001E-14</c:v>
                </c:pt>
                <c:pt idx="303">
                  <c:v>8.2545749999999994E-14</c:v>
                </c:pt>
                <c:pt idx="304">
                  <c:v>1.077902E-13</c:v>
                </c:pt>
                <c:pt idx="305">
                  <c:v>1.2925849999999999E-13</c:v>
                </c:pt>
                <c:pt idx="306">
                  <c:v>1.333667E-13</c:v>
                </c:pt>
                <c:pt idx="307">
                  <c:v>1.1835379999999999E-13</c:v>
                </c:pt>
                <c:pt idx="308">
                  <c:v>9.6205689999999994E-14</c:v>
                </c:pt>
                <c:pt idx="309">
                  <c:v>7.9026150000000004E-14</c:v>
                </c:pt>
                <c:pt idx="310">
                  <c:v>6.8484350000000001E-14</c:v>
                </c:pt>
                <c:pt idx="311">
                  <c:v>5.8608419999999996E-14</c:v>
                </c:pt>
                <c:pt idx="312">
                  <c:v>4.4723369999999997E-14</c:v>
                </c:pt>
                <c:pt idx="313">
                  <c:v>2.8640260000000002E-14</c:v>
                </c:pt>
                <c:pt idx="314">
                  <c:v>1.5876029999999999E-14</c:v>
                </c:pt>
                <c:pt idx="315">
                  <c:v>1.011924E-14</c:v>
                </c:pt>
                <c:pt idx="316">
                  <c:v>1.1217710000000001E-14</c:v>
                </c:pt>
                <c:pt idx="317">
                  <c:v>1.5711170000000001E-14</c:v>
                </c:pt>
                <c:pt idx="318">
                  <c:v>2.026284E-14</c:v>
                </c:pt>
                <c:pt idx="319">
                  <c:v>2.660362E-14</c:v>
                </c:pt>
                <c:pt idx="320">
                  <c:v>3.928668E-14</c:v>
                </c:pt>
                <c:pt idx="321">
                  <c:v>5.6937259999999996E-14</c:v>
                </c:pt>
                <c:pt idx="322">
                  <c:v>7.0557830000000004E-14</c:v>
                </c:pt>
                <c:pt idx="323">
                  <c:v>7.3088389999999994E-14</c:v>
                </c:pt>
                <c:pt idx="324">
                  <c:v>6.6184779999999999E-14</c:v>
                </c:pt>
                <c:pt idx="325">
                  <c:v>5.5362199999999999E-14</c:v>
                </c:pt>
                <c:pt idx="326">
                  <c:v>4.3249579999999999E-14</c:v>
                </c:pt>
                <c:pt idx="327">
                  <c:v>3.0183469999999997E-14</c:v>
                </c:pt>
                <c:pt idx="328">
                  <c:v>1.9157930000000001E-14</c:v>
                </c:pt>
                <c:pt idx="329">
                  <c:v>1.5967219999999999E-14</c:v>
                </c:pt>
                <c:pt idx="330">
                  <c:v>2.2626679999999999E-14</c:v>
                </c:pt>
                <c:pt idx="331">
                  <c:v>3.3698080000000003E-14</c:v>
                </c:pt>
                <c:pt idx="332">
                  <c:v>4.0621820000000002E-14</c:v>
                </c:pt>
                <c:pt idx="333">
                  <c:v>3.7658149999999999E-14</c:v>
                </c:pt>
                <c:pt idx="334">
                  <c:v>2.6134779999999999E-14</c:v>
                </c:pt>
                <c:pt idx="335">
                  <c:v>1.4887840000000001E-14</c:v>
                </c:pt>
                <c:pt idx="336">
                  <c:v>1.159529E-14</c:v>
                </c:pt>
                <c:pt idx="337">
                  <c:v>1.4654959999999999E-14</c:v>
                </c:pt>
                <c:pt idx="338">
                  <c:v>1.7691119999999999E-14</c:v>
                </c:pt>
                <c:pt idx="339">
                  <c:v>1.8486949999999999E-14</c:v>
                </c:pt>
                <c:pt idx="340">
                  <c:v>1.8783500000000001E-14</c:v>
                </c:pt>
                <c:pt idx="341">
                  <c:v>1.8587409999999999E-14</c:v>
                </c:pt>
                <c:pt idx="342">
                  <c:v>1.716436E-14</c:v>
                </c:pt>
                <c:pt idx="343">
                  <c:v>1.6461899999999999E-14</c:v>
                </c:pt>
                <c:pt idx="344">
                  <c:v>1.752188E-14</c:v>
                </c:pt>
                <c:pt idx="345">
                  <c:v>1.750637E-14</c:v>
                </c:pt>
                <c:pt idx="346">
                  <c:v>1.4276860000000001E-14</c:v>
                </c:pt>
                <c:pt idx="347">
                  <c:v>1.021964E-14</c:v>
                </c:pt>
                <c:pt idx="348">
                  <c:v>9.3002970000000006E-15</c:v>
                </c:pt>
                <c:pt idx="349">
                  <c:v>1.1929800000000001E-14</c:v>
                </c:pt>
                <c:pt idx="350">
                  <c:v>1.4228599999999999E-14</c:v>
                </c:pt>
                <c:pt idx="351">
                  <c:v>1.310745E-14</c:v>
                </c:pt>
                <c:pt idx="352">
                  <c:v>1.0384610000000001E-14</c:v>
                </c:pt>
                <c:pt idx="353">
                  <c:v>9.7969709999999993E-15</c:v>
                </c:pt>
                <c:pt idx="354">
                  <c:v>1.1797449999999999E-14</c:v>
                </c:pt>
                <c:pt idx="355">
                  <c:v>1.4096399999999999E-14</c:v>
                </c:pt>
                <c:pt idx="356">
                  <c:v>1.6641329999999999E-14</c:v>
                </c:pt>
                <c:pt idx="357">
                  <c:v>2.1470760000000001E-14</c:v>
                </c:pt>
                <c:pt idx="358">
                  <c:v>2.7143849999999999E-14</c:v>
                </c:pt>
                <c:pt idx="359">
                  <c:v>2.9655609999999998E-14</c:v>
                </c:pt>
                <c:pt idx="360">
                  <c:v>2.896058E-14</c:v>
                </c:pt>
                <c:pt idx="361">
                  <c:v>2.875142E-14</c:v>
                </c:pt>
                <c:pt idx="362">
                  <c:v>3.011244E-14</c:v>
                </c:pt>
                <c:pt idx="363">
                  <c:v>2.9961099999999997E-14</c:v>
                </c:pt>
                <c:pt idx="364">
                  <c:v>2.7073239999999999E-14</c:v>
                </c:pt>
                <c:pt idx="365">
                  <c:v>2.6868639999999999E-14</c:v>
                </c:pt>
                <c:pt idx="366">
                  <c:v>4.1959479999999998E-14</c:v>
                </c:pt>
                <c:pt idx="367">
                  <c:v>9.6275400000000002E-14</c:v>
                </c:pt>
                <c:pt idx="368">
                  <c:v>2.320373E-13</c:v>
                </c:pt>
                <c:pt idx="369">
                  <c:v>5.1062880000000003E-13</c:v>
                </c:pt>
                <c:pt idx="370">
                  <c:v>9.900631000000001E-13</c:v>
                </c:pt>
                <c:pt idx="371">
                  <c:v>1.666966E-12</c:v>
                </c:pt>
                <c:pt idx="372">
                  <c:v>2.4479919999999999E-12</c:v>
                </c:pt>
                <c:pt idx="373">
                  <c:v>3.2330070000000001E-12</c:v>
                </c:pt>
                <c:pt idx="374">
                  <c:v>4.0188389999999997E-12</c:v>
                </c:pt>
                <c:pt idx="375">
                  <c:v>4.8527469999999998E-12</c:v>
                </c:pt>
                <c:pt idx="376">
                  <c:v>5.7082490000000003E-12</c:v>
                </c:pt>
                <c:pt idx="377">
                  <c:v>6.4965550000000003E-12</c:v>
                </c:pt>
                <c:pt idx="378">
                  <c:v>7.1592780000000002E-12</c:v>
                </c:pt>
                <c:pt idx="379">
                  <c:v>7.6836499999999999E-12</c:v>
                </c:pt>
                <c:pt idx="380">
                  <c:v>8.0943090000000007E-12</c:v>
                </c:pt>
                <c:pt idx="381">
                  <c:v>8.4289090000000005E-12</c:v>
                </c:pt>
                <c:pt idx="382">
                  <c:v>8.6403310000000008E-12</c:v>
                </c:pt>
                <c:pt idx="383">
                  <c:v>8.6053119999999998E-12</c:v>
                </c:pt>
                <c:pt idx="384">
                  <c:v>8.2921730000000003E-12</c:v>
                </c:pt>
                <c:pt idx="385">
                  <c:v>7.8093490000000007E-12</c:v>
                </c:pt>
                <c:pt idx="386">
                  <c:v>7.2977409999999997E-12</c:v>
                </c:pt>
                <c:pt idx="387">
                  <c:v>6.831702E-12</c:v>
                </c:pt>
                <c:pt idx="388">
                  <c:v>6.3493499999999998E-12</c:v>
                </c:pt>
                <c:pt idx="389">
                  <c:v>5.6784650000000001E-12</c:v>
                </c:pt>
                <c:pt idx="390">
                  <c:v>4.6935869999999999E-12</c:v>
                </c:pt>
                <c:pt idx="391">
                  <c:v>3.4597760000000001E-12</c:v>
                </c:pt>
                <c:pt idx="392">
                  <c:v>2.2188729999999999E-12</c:v>
                </c:pt>
                <c:pt idx="393">
                  <c:v>1.224567E-12</c:v>
                </c:pt>
                <c:pt idx="394">
                  <c:v>5.8713050000000003E-13</c:v>
                </c:pt>
                <c:pt idx="395">
                  <c:v>2.5719470000000002E-13</c:v>
                </c:pt>
                <c:pt idx="396">
                  <c:v>1.1387719999999999E-13</c:v>
                </c:pt>
                <c:pt idx="397">
                  <c:v>5.6210830000000003E-14</c:v>
                </c:pt>
                <c:pt idx="398">
                  <c:v>3.472783E-14</c:v>
                </c:pt>
                <c:pt idx="399">
                  <c:v>3.0666039999999997E-14</c:v>
                </c:pt>
                <c:pt idx="400">
                  <c:v>3.2280379999999997E-14</c:v>
                </c:pt>
                <c:pt idx="401">
                  <c:v>3.3338849999999999E-14</c:v>
                </c:pt>
                <c:pt idx="402">
                  <c:v>3.651561E-14</c:v>
                </c:pt>
                <c:pt idx="403">
                  <c:v>4.6682939999999997E-14</c:v>
                </c:pt>
                <c:pt idx="404">
                  <c:v>6.6971680000000004E-14</c:v>
                </c:pt>
                <c:pt idx="405">
                  <c:v>1.014757E-13</c:v>
                </c:pt>
                <c:pt idx="406">
                  <c:v>1.5273500000000001E-13</c:v>
                </c:pt>
                <c:pt idx="407">
                  <c:v>2.1659550000000001E-13</c:v>
                </c:pt>
                <c:pt idx="408">
                  <c:v>2.8169730000000001E-13</c:v>
                </c:pt>
                <c:pt idx="409">
                  <c:v>3.36819E-13</c:v>
                </c:pt>
                <c:pt idx="410">
                  <c:v>3.845951E-13</c:v>
                </c:pt>
                <c:pt idx="411">
                  <c:v>4.398069E-13</c:v>
                </c:pt>
                <c:pt idx="412">
                  <c:v>5.0655550000000004E-13</c:v>
                </c:pt>
                <c:pt idx="413">
                  <c:v>5.704973E-13</c:v>
                </c:pt>
                <c:pt idx="414">
                  <c:v>6.1688760000000004E-13</c:v>
                </c:pt>
                <c:pt idx="415">
                  <c:v>6.4164799999999995E-13</c:v>
                </c:pt>
                <c:pt idx="416">
                  <c:v>6.4553329999999996E-13</c:v>
                </c:pt>
                <c:pt idx="417">
                  <c:v>6.3756710000000002E-13</c:v>
                </c:pt>
                <c:pt idx="418">
                  <c:v>6.3934040000000001E-13</c:v>
                </c:pt>
                <c:pt idx="419">
                  <c:v>6.5225749999999996E-13</c:v>
                </c:pt>
                <c:pt idx="420">
                  <c:v>6.329522E-13</c:v>
                </c:pt>
                <c:pt idx="421">
                  <c:v>5.4181559999999999E-13</c:v>
                </c:pt>
                <c:pt idx="422">
                  <c:v>4.0042340000000002E-13</c:v>
                </c:pt>
                <c:pt idx="423">
                  <c:v>2.658846E-13</c:v>
                </c:pt>
                <c:pt idx="424">
                  <c:v>1.7052240000000001E-13</c:v>
                </c:pt>
                <c:pt idx="425">
                  <c:v>1.1517159999999999E-13</c:v>
                </c:pt>
                <c:pt idx="426">
                  <c:v>9.259799E-14</c:v>
                </c:pt>
                <c:pt idx="427">
                  <c:v>9.375318E-14</c:v>
                </c:pt>
                <c:pt idx="428">
                  <c:v>1.0502700000000001E-13</c:v>
                </c:pt>
                <c:pt idx="429">
                  <c:v>1.10025E-13</c:v>
                </c:pt>
                <c:pt idx="430">
                  <c:v>9.917243E-14</c:v>
                </c:pt>
                <c:pt idx="431">
                  <c:v>7.8803090000000002E-14</c:v>
                </c:pt>
                <c:pt idx="432">
                  <c:v>6.4967829999999999E-14</c:v>
                </c:pt>
                <c:pt idx="433">
                  <c:v>6.9860059999999994E-14</c:v>
                </c:pt>
                <c:pt idx="434">
                  <c:v>9.5936020000000003E-14</c:v>
                </c:pt>
                <c:pt idx="435">
                  <c:v>1.363937E-13</c:v>
                </c:pt>
                <c:pt idx="436">
                  <c:v>1.813506E-13</c:v>
                </c:pt>
                <c:pt idx="437">
                  <c:v>2.3028980000000001E-13</c:v>
                </c:pt>
                <c:pt idx="438">
                  <c:v>2.9824879999999998E-13</c:v>
                </c:pt>
                <c:pt idx="439">
                  <c:v>3.9920510000000002E-13</c:v>
                </c:pt>
                <c:pt idx="440">
                  <c:v>5.2091210000000005E-13</c:v>
                </c:pt>
                <c:pt idx="441">
                  <c:v>6.3392080000000005E-13</c:v>
                </c:pt>
                <c:pt idx="442">
                  <c:v>7.2276680000000003E-13</c:v>
                </c:pt>
                <c:pt idx="443">
                  <c:v>7.9187070000000004E-13</c:v>
                </c:pt>
                <c:pt idx="444">
                  <c:v>8.493073E-13</c:v>
                </c:pt>
                <c:pt idx="445">
                  <c:v>8.8506170000000004E-13</c:v>
                </c:pt>
                <c:pt idx="446">
                  <c:v>8.7187830000000005E-13</c:v>
                </c:pt>
                <c:pt idx="447">
                  <c:v>8.1260200000000003E-13</c:v>
                </c:pt>
                <c:pt idx="448">
                  <c:v>7.5589440000000004E-13</c:v>
                </c:pt>
                <c:pt idx="449">
                  <c:v>7.2999659999999998E-13</c:v>
                </c:pt>
                <c:pt idx="450">
                  <c:v>7.0924079999999997E-13</c:v>
                </c:pt>
                <c:pt idx="451">
                  <c:v>6.6635769999999998E-13</c:v>
                </c:pt>
                <c:pt idx="452">
                  <c:v>6.0593409999999997E-13</c:v>
                </c:pt>
                <c:pt idx="453">
                  <c:v>5.3850100000000005E-13</c:v>
                </c:pt>
                <c:pt idx="454">
                  <c:v>4.5846100000000002E-13</c:v>
                </c:pt>
                <c:pt idx="455">
                  <c:v>3.5807869999999998E-13</c:v>
                </c:pt>
                <c:pt idx="456">
                  <c:v>2.4813890000000001E-13</c:v>
                </c:pt>
                <c:pt idx="457">
                  <c:v>1.5285129999999999E-13</c:v>
                </c:pt>
                <c:pt idx="458">
                  <c:v>8.9630879999999998E-14</c:v>
                </c:pt>
                <c:pt idx="459">
                  <c:v>5.9892980000000004E-14</c:v>
                </c:pt>
                <c:pt idx="460">
                  <c:v>5.6553949999999998E-14</c:v>
                </c:pt>
                <c:pt idx="461">
                  <c:v>7.8985420000000004E-14</c:v>
                </c:pt>
                <c:pt idx="462">
                  <c:v>1.3493970000000001E-13</c:v>
                </c:pt>
                <c:pt idx="463">
                  <c:v>2.227736E-13</c:v>
                </c:pt>
                <c:pt idx="464">
                  <c:v>3.2951929999999999E-13</c:v>
                </c:pt>
                <c:pt idx="465">
                  <c:v>4.5722179999999997E-13</c:v>
                </c:pt>
                <c:pt idx="466">
                  <c:v>6.1704719999999998E-13</c:v>
                </c:pt>
                <c:pt idx="467">
                  <c:v>7.9199070000000004E-13</c:v>
                </c:pt>
                <c:pt idx="468">
                  <c:v>9.58818E-13</c:v>
                </c:pt>
                <c:pt idx="469">
                  <c:v>1.1313830000000001E-12</c:v>
                </c:pt>
                <c:pt idx="470">
                  <c:v>1.3194890000000001E-12</c:v>
                </c:pt>
                <c:pt idx="471">
                  <c:v>1.4778749999999999E-12</c:v>
                </c:pt>
                <c:pt idx="472">
                  <c:v>1.5608040000000001E-12</c:v>
                </c:pt>
                <c:pt idx="473">
                  <c:v>1.59483E-12</c:v>
                </c:pt>
                <c:pt idx="474">
                  <c:v>1.6335200000000001E-12</c:v>
                </c:pt>
                <c:pt idx="475">
                  <c:v>1.667476E-12</c:v>
                </c:pt>
                <c:pt idx="476">
                  <c:v>1.6508050000000001E-12</c:v>
                </c:pt>
                <c:pt idx="477">
                  <c:v>1.594546E-12</c:v>
                </c:pt>
                <c:pt idx="478">
                  <c:v>1.5396309999999999E-12</c:v>
                </c:pt>
                <c:pt idx="479">
                  <c:v>1.4682859999999999E-12</c:v>
                </c:pt>
                <c:pt idx="480">
                  <c:v>1.34182E-12</c:v>
                </c:pt>
                <c:pt idx="481">
                  <c:v>1.17639E-12</c:v>
                </c:pt>
                <c:pt idx="482">
                  <c:v>1.011586E-12</c:v>
                </c:pt>
                <c:pt idx="483">
                  <c:v>8.6411610000000003E-13</c:v>
                </c:pt>
                <c:pt idx="484">
                  <c:v>7.4026029999999999E-13</c:v>
                </c:pt>
                <c:pt idx="485">
                  <c:v>6.4213530000000004E-13</c:v>
                </c:pt>
                <c:pt idx="486">
                  <c:v>5.515304E-13</c:v>
                </c:pt>
                <c:pt idx="487">
                  <c:v>4.4023100000000001E-13</c:v>
                </c:pt>
                <c:pt idx="488">
                  <c:v>3.0695480000000001E-13</c:v>
                </c:pt>
                <c:pt idx="489">
                  <c:v>1.8376799999999999E-13</c:v>
                </c:pt>
                <c:pt idx="490">
                  <c:v>1.006084E-13</c:v>
                </c:pt>
                <c:pt idx="491">
                  <c:v>6.1459989999999999E-14</c:v>
                </c:pt>
                <c:pt idx="492">
                  <c:v>5.3795179999999999E-14</c:v>
                </c:pt>
                <c:pt idx="493">
                  <c:v>6.5076159999999996E-14</c:v>
                </c:pt>
                <c:pt idx="494">
                  <c:v>9.081319E-14</c:v>
                </c:pt>
                <c:pt idx="495">
                  <c:v>1.443356E-13</c:v>
                </c:pt>
                <c:pt idx="496">
                  <c:v>2.7958080000000001E-13</c:v>
                </c:pt>
                <c:pt idx="497">
                  <c:v>6.0669099999999998E-13</c:v>
                </c:pt>
                <c:pt idx="498">
                  <c:v>1.2576750000000001E-12</c:v>
                </c:pt>
                <c:pt idx="499">
                  <c:v>2.3067909999999999E-12</c:v>
                </c:pt>
                <c:pt idx="500">
                  <c:v>3.7236660000000001E-12</c:v>
                </c:pt>
                <c:pt idx="501">
                  <c:v>5.3996909999999998E-12</c:v>
                </c:pt>
                <c:pt idx="502">
                  <c:v>7.1773019999999997E-12</c:v>
                </c:pt>
                <c:pt idx="503">
                  <c:v>8.8555080000000006E-12</c:v>
                </c:pt>
                <c:pt idx="504">
                  <c:v>1.028177E-11</c:v>
                </c:pt>
                <c:pt idx="505">
                  <c:v>1.147183E-11</c:v>
                </c:pt>
                <c:pt idx="506">
                  <c:v>1.251755E-11</c:v>
                </c:pt>
                <c:pt idx="507">
                  <c:v>1.342081E-11</c:v>
                </c:pt>
                <c:pt idx="508">
                  <c:v>1.412331E-11</c:v>
                </c:pt>
                <c:pt idx="509">
                  <c:v>1.4590839999999998E-11</c:v>
                </c:pt>
                <c:pt idx="510">
                  <c:v>1.4832019999999998E-11</c:v>
                </c:pt>
                <c:pt idx="511">
                  <c:v>1.4871710000000001E-11</c:v>
                </c:pt>
                <c:pt idx="512">
                  <c:v>1.467383E-11</c:v>
                </c:pt>
                <c:pt idx="513">
                  <c:v>1.415833E-11</c:v>
                </c:pt>
                <c:pt idx="514">
                  <c:v>1.331008E-11</c:v>
                </c:pt>
                <c:pt idx="515">
                  <c:v>1.221641E-11</c:v>
                </c:pt>
                <c:pt idx="516">
                  <c:v>1.101055E-11</c:v>
                </c:pt>
                <c:pt idx="517">
                  <c:v>9.7140349999999992E-12</c:v>
                </c:pt>
                <c:pt idx="518">
                  <c:v>8.1687099999999994E-12</c:v>
                </c:pt>
                <c:pt idx="519">
                  <c:v>6.2858080000000003E-12</c:v>
                </c:pt>
                <c:pt idx="520">
                  <c:v>4.2854379999999996E-12</c:v>
                </c:pt>
                <c:pt idx="521">
                  <c:v>2.5541099999999999E-12</c:v>
                </c:pt>
                <c:pt idx="522">
                  <c:v>1.338873E-12</c:v>
                </c:pt>
                <c:pt idx="523">
                  <c:v>6.3137089999999998E-13</c:v>
                </c:pt>
                <c:pt idx="524">
                  <c:v>2.7383179999999998E-13</c:v>
                </c:pt>
                <c:pt idx="525">
                  <c:v>1.093731E-13</c:v>
                </c:pt>
                <c:pt idx="526">
                  <c:v>4.3205710000000002E-14</c:v>
                </c:pt>
                <c:pt idx="527">
                  <c:v>2.9259829999999999E-14</c:v>
                </c:pt>
                <c:pt idx="528">
                  <c:v>5.003548E-14</c:v>
                </c:pt>
                <c:pt idx="529">
                  <c:v>1.16033E-13</c:v>
                </c:pt>
                <c:pt idx="530">
                  <c:v>2.6403289999999999E-13</c:v>
                </c:pt>
                <c:pt idx="531">
                  <c:v>5.2139760000000001E-13</c:v>
                </c:pt>
                <c:pt idx="532">
                  <c:v>8.5736709999999995E-13</c:v>
                </c:pt>
                <c:pt idx="533">
                  <c:v>1.1991659999999999E-12</c:v>
                </c:pt>
                <c:pt idx="534">
                  <c:v>1.508858E-12</c:v>
                </c:pt>
                <c:pt idx="535">
                  <c:v>1.805073E-12</c:v>
                </c:pt>
                <c:pt idx="536">
                  <c:v>2.1064369999999999E-12</c:v>
                </c:pt>
                <c:pt idx="537">
                  <c:v>2.400413E-12</c:v>
                </c:pt>
                <c:pt idx="538">
                  <c:v>2.6752189999999998E-12</c:v>
                </c:pt>
                <c:pt idx="539">
                  <c:v>2.9438499999999998E-12</c:v>
                </c:pt>
                <c:pt idx="540">
                  <c:v>3.205726E-12</c:v>
                </c:pt>
                <c:pt idx="541">
                  <c:v>3.406059E-12</c:v>
                </c:pt>
                <c:pt idx="542">
                  <c:v>3.4830969999999999E-12</c:v>
                </c:pt>
                <c:pt idx="543">
                  <c:v>3.4389749999999999E-12</c:v>
                </c:pt>
                <c:pt idx="544">
                  <c:v>3.318917E-12</c:v>
                </c:pt>
                <c:pt idx="545">
                  <c:v>3.1565440000000001E-12</c:v>
                </c:pt>
                <c:pt idx="546">
                  <c:v>2.9740490000000001E-12</c:v>
                </c:pt>
                <c:pt idx="547">
                  <c:v>2.7930389999999998E-12</c:v>
                </c:pt>
                <c:pt idx="548">
                  <c:v>2.6082729999999999E-12</c:v>
                </c:pt>
                <c:pt idx="549">
                  <c:v>2.3711979999999999E-12</c:v>
                </c:pt>
                <c:pt idx="550">
                  <c:v>2.0395080000000001E-12</c:v>
                </c:pt>
                <c:pt idx="551">
                  <c:v>1.6279870000000001E-12</c:v>
                </c:pt>
                <c:pt idx="552">
                  <c:v>1.1848590000000001E-12</c:v>
                </c:pt>
                <c:pt idx="553">
                  <c:v>7.6786899999999997E-13</c:v>
                </c:pt>
                <c:pt idx="554">
                  <c:v>4.4925369999999999E-13</c:v>
                </c:pt>
                <c:pt idx="555">
                  <c:v>2.8250860000000002E-13</c:v>
                </c:pt>
                <c:pt idx="556">
                  <c:v>2.6727190000000002E-13</c:v>
                </c:pt>
                <c:pt idx="557">
                  <c:v>3.6544959999999999E-13</c:v>
                </c:pt>
                <c:pt idx="558">
                  <c:v>5.2613099999999997E-13</c:v>
                </c:pt>
                <c:pt idx="559">
                  <c:v>7.0217639999999998E-13</c:v>
                </c:pt>
                <c:pt idx="560">
                  <c:v>8.9232279999999998E-13</c:v>
                </c:pt>
                <c:pt idx="561">
                  <c:v>1.1598530000000001E-12</c:v>
                </c:pt>
                <c:pt idx="562">
                  <c:v>1.569963E-12</c:v>
                </c:pt>
                <c:pt idx="563">
                  <c:v>2.1280160000000002E-12</c:v>
                </c:pt>
                <c:pt idx="564">
                  <c:v>2.7858420000000001E-12</c:v>
                </c:pt>
                <c:pt idx="565">
                  <c:v>3.4799779999999999E-12</c:v>
                </c:pt>
                <c:pt idx="566">
                  <c:v>4.1678730000000002E-12</c:v>
                </c:pt>
                <c:pt idx="567">
                  <c:v>4.8281699999999996E-12</c:v>
                </c:pt>
                <c:pt idx="568">
                  <c:v>5.4231019999999997E-12</c:v>
                </c:pt>
                <c:pt idx="569">
                  <c:v>5.9004649999999997E-12</c:v>
                </c:pt>
                <c:pt idx="570">
                  <c:v>6.2475650000000001E-12</c:v>
                </c:pt>
                <c:pt idx="571">
                  <c:v>6.5042460000000004E-12</c:v>
                </c:pt>
                <c:pt idx="572">
                  <c:v>6.6977629999999996E-12</c:v>
                </c:pt>
                <c:pt idx="573">
                  <c:v>6.7790690000000003E-12</c:v>
                </c:pt>
                <c:pt idx="574">
                  <c:v>6.6637040000000003E-12</c:v>
                </c:pt>
                <c:pt idx="575">
                  <c:v>6.340547E-12</c:v>
                </c:pt>
                <c:pt idx="576">
                  <c:v>5.8920549999999998E-12</c:v>
                </c:pt>
                <c:pt idx="577">
                  <c:v>5.4286710000000003E-12</c:v>
                </c:pt>
                <c:pt idx="578">
                  <c:v>5.05174E-12</c:v>
                </c:pt>
                <c:pt idx="579">
                  <c:v>4.801043E-12</c:v>
                </c:pt>
                <c:pt idx="580">
                  <c:v>4.5813339999999997E-12</c:v>
                </c:pt>
                <c:pt idx="581">
                  <c:v>4.2215189999999998E-12</c:v>
                </c:pt>
                <c:pt idx="582">
                  <c:v>3.6368010000000002E-12</c:v>
                </c:pt>
                <c:pt idx="583">
                  <c:v>2.8786789999999998E-12</c:v>
                </c:pt>
                <c:pt idx="584">
                  <c:v>2.0523129999999999E-12</c:v>
                </c:pt>
                <c:pt idx="585">
                  <c:v>1.270857E-12</c:v>
                </c:pt>
                <c:pt idx="586">
                  <c:v>6.548593E-13</c:v>
                </c:pt>
                <c:pt idx="587">
                  <c:v>2.7349279999999998E-13</c:v>
                </c:pt>
                <c:pt idx="588">
                  <c:v>9.4993470000000001E-14</c:v>
                </c:pt>
                <c:pt idx="589">
                  <c:v>3.3449299999999999E-14</c:v>
                </c:pt>
                <c:pt idx="590">
                  <c:v>1.9720150000000002E-14</c:v>
                </c:pt>
                <c:pt idx="591">
                  <c:v>2.1891550000000001E-14</c:v>
                </c:pt>
                <c:pt idx="592">
                  <c:v>3.1965459999999999E-14</c:v>
                </c:pt>
                <c:pt idx="593">
                  <c:v>5.0990750000000003E-14</c:v>
                </c:pt>
                <c:pt idx="594">
                  <c:v>8.2943919999999999E-14</c:v>
                </c:pt>
                <c:pt idx="595">
                  <c:v>1.3403490000000001E-13</c:v>
                </c:pt>
                <c:pt idx="596">
                  <c:v>2.049462E-13</c:v>
                </c:pt>
                <c:pt idx="597">
                  <c:v>2.8030400000000001E-13</c:v>
                </c:pt>
                <c:pt idx="598">
                  <c:v>3.383274E-13</c:v>
                </c:pt>
                <c:pt idx="599">
                  <c:v>3.7478170000000002E-13</c:v>
                </c:pt>
                <c:pt idx="600">
                  <c:v>4.0484989999999998E-13</c:v>
                </c:pt>
                <c:pt idx="601">
                  <c:v>4.4063099999999998E-13</c:v>
                </c:pt>
                <c:pt idx="602">
                  <c:v>4.8124340000000002E-13</c:v>
                </c:pt>
                <c:pt idx="603">
                  <c:v>5.2348519999999998E-13</c:v>
                </c:pt>
                <c:pt idx="604">
                  <c:v>5.7222780000000002E-13</c:v>
                </c:pt>
                <c:pt idx="605">
                  <c:v>6.3198130000000004E-13</c:v>
                </c:pt>
                <c:pt idx="606">
                  <c:v>6.8069E-13</c:v>
                </c:pt>
                <c:pt idx="607">
                  <c:v>6.7661110000000001E-13</c:v>
                </c:pt>
                <c:pt idx="608">
                  <c:v>6.1533290000000002E-13</c:v>
                </c:pt>
                <c:pt idx="609">
                  <c:v>5.4547060000000004E-13</c:v>
                </c:pt>
                <c:pt idx="610">
                  <c:v>5.0337639999999996E-13</c:v>
                </c:pt>
                <c:pt idx="611">
                  <c:v>4.7300670000000003E-13</c:v>
                </c:pt>
                <c:pt idx="612">
                  <c:v>4.2612659999999998E-13</c:v>
                </c:pt>
                <c:pt idx="613">
                  <c:v>3.6077769999999999E-13</c:v>
                </c:pt>
                <c:pt idx="614">
                  <c:v>2.8968699999999999E-13</c:v>
                </c:pt>
                <c:pt idx="615">
                  <c:v>2.2216140000000001E-13</c:v>
                </c:pt>
                <c:pt idx="616">
                  <c:v>1.6255339999999999E-13</c:v>
                </c:pt>
                <c:pt idx="617">
                  <c:v>1.116475E-13</c:v>
                </c:pt>
                <c:pt idx="618">
                  <c:v>7.0117510000000002E-14</c:v>
                </c:pt>
                <c:pt idx="619">
                  <c:v>4.0435440000000003E-14</c:v>
                </c:pt>
                <c:pt idx="620">
                  <c:v>2.2527409999999999E-14</c:v>
                </c:pt>
                <c:pt idx="621">
                  <c:v>1.277746E-14</c:v>
                </c:pt>
                <c:pt idx="622">
                  <c:v>8.4683190000000005E-15</c:v>
                </c:pt>
                <c:pt idx="623">
                  <c:v>9.2978270000000004E-15</c:v>
                </c:pt>
                <c:pt idx="624">
                  <c:v>1.503885E-14</c:v>
                </c:pt>
                <c:pt idx="625">
                  <c:v>2.3854170000000001E-14</c:v>
                </c:pt>
                <c:pt idx="626">
                  <c:v>3.4048640000000003E-14</c:v>
                </c:pt>
                <c:pt idx="627">
                  <c:v>4.7768310000000003E-14</c:v>
                </c:pt>
                <c:pt idx="628">
                  <c:v>6.9053339999999998E-14</c:v>
                </c:pt>
                <c:pt idx="629">
                  <c:v>9.8850070000000003E-14</c:v>
                </c:pt>
                <c:pt idx="630">
                  <c:v>1.3799789999999999E-13</c:v>
                </c:pt>
                <c:pt idx="631">
                  <c:v>1.8635590000000001E-13</c:v>
                </c:pt>
                <c:pt idx="632">
                  <c:v>2.317877E-13</c:v>
                </c:pt>
                <c:pt idx="633">
                  <c:v>2.559404E-13</c:v>
                </c:pt>
                <c:pt idx="634">
                  <c:v>2.5769040000000001E-13</c:v>
                </c:pt>
                <c:pt idx="635">
                  <c:v>2.5657190000000002E-13</c:v>
                </c:pt>
                <c:pt idx="636">
                  <c:v>2.6937689999999999E-13</c:v>
                </c:pt>
                <c:pt idx="637">
                  <c:v>2.9368989999999998E-13</c:v>
                </c:pt>
                <c:pt idx="638">
                  <c:v>3.1298829999999999E-13</c:v>
                </c:pt>
                <c:pt idx="639">
                  <c:v>3.1033249999999998E-13</c:v>
                </c:pt>
                <c:pt idx="640">
                  <c:v>2.8213219999999999E-13</c:v>
                </c:pt>
                <c:pt idx="641">
                  <c:v>2.4274349999999998E-13</c:v>
                </c:pt>
                <c:pt idx="642">
                  <c:v>2.1369549999999999E-13</c:v>
                </c:pt>
                <c:pt idx="643">
                  <c:v>2.0821719999999999E-13</c:v>
                </c:pt>
                <c:pt idx="644">
                  <c:v>2.197138E-13</c:v>
                </c:pt>
                <c:pt idx="645">
                  <c:v>2.232157E-13</c:v>
                </c:pt>
                <c:pt idx="646">
                  <c:v>2.006478E-13</c:v>
                </c:pt>
                <c:pt idx="647">
                  <c:v>1.5995699999999999E-13</c:v>
                </c:pt>
                <c:pt idx="648">
                  <c:v>1.1742370000000001E-13</c:v>
                </c:pt>
                <c:pt idx="649">
                  <c:v>7.9817739999999998E-14</c:v>
                </c:pt>
                <c:pt idx="650">
                  <c:v>5.0158290000000003E-14</c:v>
                </c:pt>
                <c:pt idx="651">
                  <c:v>3.0280570000000003E-14</c:v>
                </c:pt>
                <c:pt idx="652">
                  <c:v>1.766593E-14</c:v>
                </c:pt>
                <c:pt idx="653">
                  <c:v>9.5584569999999993E-15</c:v>
                </c:pt>
                <c:pt idx="654">
                  <c:v>5.5241070000000003E-15</c:v>
                </c:pt>
                <c:pt idx="655">
                  <c:v>4.3329860000000002E-15</c:v>
                </c:pt>
                <c:pt idx="656">
                  <c:v>3.4271450000000002E-15</c:v>
                </c:pt>
                <c:pt idx="657">
                  <c:v>1.3162899999999999E-15</c:v>
                </c:pt>
                <c:pt idx="658">
                  <c:v>-1.746574E-15</c:v>
                </c:pt>
                <c:pt idx="659">
                  <c:v>-4.6553100000000003E-15</c:v>
                </c:pt>
                <c:pt idx="660">
                  <c:v>-6.2073749999999996E-15</c:v>
                </c:pt>
                <c:pt idx="661">
                  <c:v>-5.7430590000000001E-15</c:v>
                </c:pt>
                <c:pt idx="662">
                  <c:v>-3.4059009999999998E-15</c:v>
                </c:pt>
                <c:pt idx="663">
                  <c:v>4.8193650000000002E-17</c:v>
                </c:pt>
                <c:pt idx="664">
                  <c:v>3.5818319999999997E-15</c:v>
                </c:pt>
                <c:pt idx="665">
                  <c:v>6.4407129999999999E-15</c:v>
                </c:pt>
                <c:pt idx="666">
                  <c:v>8.1777620000000002E-15</c:v>
                </c:pt>
                <c:pt idx="667">
                  <c:v>8.0841759999999995E-15</c:v>
                </c:pt>
                <c:pt idx="668">
                  <c:v>5.8286889999999998E-15</c:v>
                </c:pt>
                <c:pt idx="669">
                  <c:v>2.3806489999999999E-15</c:v>
                </c:pt>
                <c:pt idx="670">
                  <c:v>-7.7820409999999996E-16</c:v>
                </c:pt>
                <c:pt idx="671">
                  <c:v>-2.586479E-15</c:v>
                </c:pt>
                <c:pt idx="672">
                  <c:v>-2.800693E-15</c:v>
                </c:pt>
                <c:pt idx="673">
                  <c:v>-2.2922949999999999E-15</c:v>
                </c:pt>
                <c:pt idx="674">
                  <c:v>-2.0084060000000002E-15</c:v>
                </c:pt>
                <c:pt idx="675">
                  <c:v>-1.732509E-15</c:v>
                </c:pt>
                <c:pt idx="676">
                  <c:v>-7.8805269999999996E-16</c:v>
                </c:pt>
                <c:pt idx="677">
                  <c:v>1.0301090000000001E-15</c:v>
                </c:pt>
                <c:pt idx="678">
                  <c:v>3.1795240000000001E-15</c:v>
                </c:pt>
                <c:pt idx="679">
                  <c:v>3.869484E-15</c:v>
                </c:pt>
                <c:pt idx="680">
                  <c:v>1.522377E-15</c:v>
                </c:pt>
                <c:pt idx="681">
                  <c:v>-2.8222859999999999E-15</c:v>
                </c:pt>
                <c:pt idx="682">
                  <c:v>-6.4331739999999996E-15</c:v>
                </c:pt>
                <c:pt idx="683">
                  <c:v>-7.7305810000000001E-15</c:v>
                </c:pt>
                <c:pt idx="684">
                  <c:v>-6.7978369999999998E-15</c:v>
                </c:pt>
                <c:pt idx="685">
                  <c:v>-3.9011559999999996E-15</c:v>
                </c:pt>
                <c:pt idx="686">
                  <c:v>4.1517290000000002E-16</c:v>
                </c:pt>
                <c:pt idx="687">
                  <c:v>4.2991560000000002E-15</c:v>
                </c:pt>
                <c:pt idx="688">
                  <c:v>5.9236620000000001E-15</c:v>
                </c:pt>
                <c:pt idx="689">
                  <c:v>6.1845740000000003E-15</c:v>
                </c:pt>
                <c:pt idx="690">
                  <c:v>9.3319809999999997E-15</c:v>
                </c:pt>
                <c:pt idx="691">
                  <c:v>1.8875469999999999E-14</c:v>
                </c:pt>
                <c:pt idx="692">
                  <c:v>3.1242380000000002E-14</c:v>
                </c:pt>
                <c:pt idx="693">
                  <c:v>3.7500589999999999E-14</c:v>
                </c:pt>
                <c:pt idx="694">
                  <c:v>3.436157E-14</c:v>
                </c:pt>
                <c:pt idx="695">
                  <c:v>2.9514029999999999E-14</c:v>
                </c:pt>
                <c:pt idx="696">
                  <c:v>3.3277229999999998E-14</c:v>
                </c:pt>
                <c:pt idx="697">
                  <c:v>4.7739680000000001E-14</c:v>
                </c:pt>
                <c:pt idx="698">
                  <c:v>6.7522399999999996E-14</c:v>
                </c:pt>
                <c:pt idx="699">
                  <c:v>9.1007459999999998E-14</c:v>
                </c:pt>
                <c:pt idx="700">
                  <c:v>1.2877629999999999E-13</c:v>
                </c:pt>
                <c:pt idx="701">
                  <c:v>1.9830789999999999E-13</c:v>
                </c:pt>
                <c:pt idx="702">
                  <c:v>3.0458889999999999E-13</c:v>
                </c:pt>
                <c:pt idx="703">
                  <c:v>4.2686970000000001E-13</c:v>
                </c:pt>
                <c:pt idx="704">
                  <c:v>5.3622320000000004E-13</c:v>
                </c:pt>
                <c:pt idx="705">
                  <c:v>6.2591440000000002E-13</c:v>
                </c:pt>
                <c:pt idx="706">
                  <c:v>7.0670370000000002E-13</c:v>
                </c:pt>
                <c:pt idx="707">
                  <c:v>7.7282400000000002E-13</c:v>
                </c:pt>
                <c:pt idx="708">
                  <c:v>8.014203E-13</c:v>
                </c:pt>
                <c:pt idx="709">
                  <c:v>7.8840710000000001E-13</c:v>
                </c:pt>
                <c:pt idx="710">
                  <c:v>7.6245789999999996E-13</c:v>
                </c:pt>
                <c:pt idx="711">
                  <c:v>7.5766919999999998E-13</c:v>
                </c:pt>
                <c:pt idx="712">
                  <c:v>7.7484929999999997E-13</c:v>
                </c:pt>
                <c:pt idx="713">
                  <c:v>7.8601399999999999E-13</c:v>
                </c:pt>
                <c:pt idx="714">
                  <c:v>7.766176E-13</c:v>
                </c:pt>
                <c:pt idx="715">
                  <c:v>7.5301479999999998E-13</c:v>
                </c:pt>
                <c:pt idx="716">
                  <c:v>7.1266840000000002E-13</c:v>
                </c:pt>
                <c:pt idx="717">
                  <c:v>6.3226150000000003E-13</c:v>
                </c:pt>
                <c:pt idx="718">
                  <c:v>4.9715940000000003E-13</c:v>
                </c:pt>
                <c:pt idx="719">
                  <c:v>3.3497110000000001E-13</c:v>
                </c:pt>
                <c:pt idx="720">
                  <c:v>1.9489690000000001E-13</c:v>
                </c:pt>
                <c:pt idx="721">
                  <c:v>1.0244160000000001E-13</c:v>
                </c:pt>
                <c:pt idx="722">
                  <c:v>5.1450029999999999E-14</c:v>
                </c:pt>
                <c:pt idx="723">
                  <c:v>2.4642809999999999E-14</c:v>
                </c:pt>
                <c:pt idx="724">
                  <c:v>1.006017E-14</c:v>
                </c:pt>
                <c:pt idx="725">
                  <c:v>2.6708800000000001E-15</c:v>
                </c:pt>
                <c:pt idx="726">
                  <c:v>-4.7295440000000002E-16</c:v>
                </c:pt>
                <c:pt idx="727">
                  <c:v>-1.5542599999999999E-15</c:v>
                </c:pt>
                <c:pt idx="728">
                  <c:v>-1.4876339999999999E-15</c:v>
                </c:pt>
                <c:pt idx="729">
                  <c:v>-5.3477810000000003E-16</c:v>
                </c:pt>
                <c:pt idx="730">
                  <c:v>8.9178499999999996E-16</c:v>
                </c:pt>
                <c:pt idx="731">
                  <c:v>1.8642860000000001E-15</c:v>
                </c:pt>
                <c:pt idx="732">
                  <c:v>1.8462349999999999E-15</c:v>
                </c:pt>
                <c:pt idx="733">
                  <c:v>1.8239179999999998E-15</c:v>
                </c:pt>
                <c:pt idx="734">
                  <c:v>3.266858E-15</c:v>
                </c:pt>
                <c:pt idx="735">
                  <c:v>6.584261E-15</c:v>
                </c:pt>
                <c:pt idx="736">
                  <c:v>1.070914E-14</c:v>
                </c:pt>
                <c:pt idx="737">
                  <c:v>1.298449E-14</c:v>
                </c:pt>
                <c:pt idx="738">
                  <c:v>1.0941879999999999E-14</c:v>
                </c:pt>
                <c:pt idx="739">
                  <c:v>5.6208530000000001E-15</c:v>
                </c:pt>
                <c:pt idx="740">
                  <c:v>6.7467229999999996E-16</c:v>
                </c:pt>
                <c:pt idx="741">
                  <c:v>-2.1718769999999999E-15</c:v>
                </c:pt>
                <c:pt idx="742">
                  <c:v>-3.5918249999999999E-15</c:v>
                </c:pt>
                <c:pt idx="743">
                  <c:v>-4.4072159999999998E-15</c:v>
                </c:pt>
                <c:pt idx="744">
                  <c:v>-5.3991230000000003E-15</c:v>
                </c:pt>
                <c:pt idx="745">
                  <c:v>-6.554852E-15</c:v>
                </c:pt>
                <c:pt idx="746">
                  <c:v>-6.209235E-15</c:v>
                </c:pt>
                <c:pt idx="747">
                  <c:v>-3.4825610000000001E-15</c:v>
                </c:pt>
                <c:pt idx="748">
                  <c:v>-2.323008E-16</c:v>
                </c:pt>
                <c:pt idx="749">
                  <c:v>1.2561149999999999E-15</c:v>
                </c:pt>
                <c:pt idx="750">
                  <c:v>8.9445170000000006E-16</c:v>
                </c:pt>
                <c:pt idx="751">
                  <c:v>3.2850330000000001E-16</c:v>
                </c:pt>
                <c:pt idx="752">
                  <c:v>8.5884780000000004E-16</c:v>
                </c:pt>
                <c:pt idx="753">
                  <c:v>2.1854080000000001E-15</c:v>
                </c:pt>
                <c:pt idx="754">
                  <c:v>3.2682339999999999E-15</c:v>
                </c:pt>
                <c:pt idx="755">
                  <c:v>3.6478070000000002E-15</c:v>
                </c:pt>
                <c:pt idx="756">
                  <c:v>3.2497089999999999E-15</c:v>
                </c:pt>
                <c:pt idx="757">
                  <c:v>1.707382E-15</c:v>
                </c:pt>
                <c:pt idx="758">
                  <c:v>-9.3863459999999999E-16</c:v>
                </c:pt>
                <c:pt idx="759">
                  <c:v>-2.7862420000000001E-15</c:v>
                </c:pt>
                <c:pt idx="760">
                  <c:v>-1.648829E-15</c:v>
                </c:pt>
                <c:pt idx="761">
                  <c:v>1.469102E-15</c:v>
                </c:pt>
                <c:pt idx="762">
                  <c:v>4.057913E-15</c:v>
                </c:pt>
                <c:pt idx="763">
                  <c:v>6.579906E-15</c:v>
                </c:pt>
                <c:pt idx="764">
                  <c:v>1.087482E-14</c:v>
                </c:pt>
                <c:pt idx="765">
                  <c:v>1.6182870000000001E-14</c:v>
                </c:pt>
                <c:pt idx="766">
                  <c:v>2.0431070000000001E-14</c:v>
                </c:pt>
                <c:pt idx="767">
                  <c:v>2.2800589999999999E-14</c:v>
                </c:pt>
                <c:pt idx="768">
                  <c:v>2.3615110000000001E-14</c:v>
                </c:pt>
                <c:pt idx="769">
                  <c:v>2.3925430000000001E-14</c:v>
                </c:pt>
                <c:pt idx="770">
                  <c:v>2.506038E-14</c:v>
                </c:pt>
                <c:pt idx="771">
                  <c:v>2.7666650000000001E-14</c:v>
                </c:pt>
                <c:pt idx="772">
                  <c:v>3.0331669999999998E-14</c:v>
                </c:pt>
                <c:pt idx="773">
                  <c:v>2.9150639999999999E-14</c:v>
                </c:pt>
                <c:pt idx="774">
                  <c:v>2.193442E-14</c:v>
                </c:pt>
                <c:pt idx="775">
                  <c:v>1.307901E-14</c:v>
                </c:pt>
                <c:pt idx="776">
                  <c:v>9.8558589999999994E-15</c:v>
                </c:pt>
                <c:pt idx="777">
                  <c:v>1.330607E-14</c:v>
                </c:pt>
                <c:pt idx="778">
                  <c:v>1.7146390000000001E-14</c:v>
                </c:pt>
                <c:pt idx="779">
                  <c:v>1.674007E-14</c:v>
                </c:pt>
                <c:pt idx="780">
                  <c:v>1.3985309999999999E-14</c:v>
                </c:pt>
                <c:pt idx="781">
                  <c:v>1.2085240000000001E-14</c:v>
                </c:pt>
                <c:pt idx="782">
                  <c:v>1.0662169999999999E-14</c:v>
                </c:pt>
                <c:pt idx="783">
                  <c:v>7.5982689999999997E-15</c:v>
                </c:pt>
                <c:pt idx="784">
                  <c:v>2.859846E-15</c:v>
                </c:pt>
                <c:pt idx="785">
                  <c:v>-1.439625E-15</c:v>
                </c:pt>
                <c:pt idx="786">
                  <c:v>-4.062351E-15</c:v>
                </c:pt>
                <c:pt idx="787">
                  <c:v>-5.5397439999999996E-15</c:v>
                </c:pt>
                <c:pt idx="788">
                  <c:v>-5.94869E-15</c:v>
                </c:pt>
                <c:pt idx="789">
                  <c:v>-3.8480130000000002E-15</c:v>
                </c:pt>
                <c:pt idx="790">
                  <c:v>1.9269510000000001E-15</c:v>
                </c:pt>
                <c:pt idx="791">
                  <c:v>1.009693E-14</c:v>
                </c:pt>
                <c:pt idx="792">
                  <c:v>1.7276939999999999E-14</c:v>
                </c:pt>
                <c:pt idx="793">
                  <c:v>2.1630860000000001E-14</c:v>
                </c:pt>
                <c:pt idx="794">
                  <c:v>2.461378E-14</c:v>
                </c:pt>
                <c:pt idx="795">
                  <c:v>2.6964200000000001E-14</c:v>
                </c:pt>
                <c:pt idx="796">
                  <c:v>2.7335420000000001E-14</c:v>
                </c:pt>
                <c:pt idx="797">
                  <c:v>2.7075680000000001E-14</c:v>
                </c:pt>
                <c:pt idx="798">
                  <c:v>2.9677279999999997E-14</c:v>
                </c:pt>
                <c:pt idx="799">
                  <c:v>3.3850409999999998E-14</c:v>
                </c:pt>
                <c:pt idx="800">
                  <c:v>3.403898E-14</c:v>
                </c:pt>
                <c:pt idx="801">
                  <c:v>2.7802550000000001E-14</c:v>
                </c:pt>
                <c:pt idx="802">
                  <c:v>1.831107E-14</c:v>
                </c:pt>
                <c:pt idx="803">
                  <c:v>1.0867419999999999E-14</c:v>
                </c:pt>
                <c:pt idx="804">
                  <c:v>7.7909590000000001E-15</c:v>
                </c:pt>
                <c:pt idx="805">
                  <c:v>7.1123960000000001E-15</c:v>
                </c:pt>
                <c:pt idx="806">
                  <c:v>6.730119E-15</c:v>
                </c:pt>
                <c:pt idx="807">
                  <c:v>6.6255520000000002E-15</c:v>
                </c:pt>
                <c:pt idx="808">
                  <c:v>6.8577629999999999E-15</c:v>
                </c:pt>
                <c:pt idx="809">
                  <c:v>6.7565019999999997E-15</c:v>
                </c:pt>
                <c:pt idx="810">
                  <c:v>5.8908819999999996E-15</c:v>
                </c:pt>
                <c:pt idx="811">
                  <c:v>4.3014409999999998E-15</c:v>
                </c:pt>
                <c:pt idx="812">
                  <c:v>2.5083640000000001E-15</c:v>
                </c:pt>
                <c:pt idx="813">
                  <c:v>1.4244830000000001E-15</c:v>
                </c:pt>
                <c:pt idx="814">
                  <c:v>1.560796E-15</c:v>
                </c:pt>
                <c:pt idx="815">
                  <c:v>2.3655369999999999E-15</c:v>
                </c:pt>
                <c:pt idx="816">
                  <c:v>2.4299879999999998E-15</c:v>
                </c:pt>
                <c:pt idx="817">
                  <c:v>1.1830939999999999E-15</c:v>
                </c:pt>
                <c:pt idx="818">
                  <c:v>2.6853229999999998E-16</c:v>
                </c:pt>
                <c:pt idx="819">
                  <c:v>1.352949E-15</c:v>
                </c:pt>
                <c:pt idx="820">
                  <c:v>4.0282520000000004E-15</c:v>
                </c:pt>
                <c:pt idx="821">
                  <c:v>8.2288729999999994E-15</c:v>
                </c:pt>
                <c:pt idx="822">
                  <c:v>1.5905649999999999E-14</c:v>
                </c:pt>
                <c:pt idx="823">
                  <c:v>2.7268680000000001E-14</c:v>
                </c:pt>
                <c:pt idx="824">
                  <c:v>3.8213570000000003E-14</c:v>
                </c:pt>
                <c:pt idx="825">
                  <c:v>4.5508510000000003E-14</c:v>
                </c:pt>
                <c:pt idx="826">
                  <c:v>5.2212419999999999E-14</c:v>
                </c:pt>
                <c:pt idx="827">
                  <c:v>6.2101370000000001E-14</c:v>
                </c:pt>
                <c:pt idx="828">
                  <c:v>7.0583679999999994E-14</c:v>
                </c:pt>
                <c:pt idx="829">
                  <c:v>6.9895999999999998E-14</c:v>
                </c:pt>
                <c:pt idx="830">
                  <c:v>6.17913E-14</c:v>
                </c:pt>
                <c:pt idx="831">
                  <c:v>5.495145E-14</c:v>
                </c:pt>
                <c:pt idx="832">
                  <c:v>5.1692860000000001E-14</c:v>
                </c:pt>
                <c:pt idx="833">
                  <c:v>4.6349150000000001E-14</c:v>
                </c:pt>
                <c:pt idx="834">
                  <c:v>3.5994230000000002E-14</c:v>
                </c:pt>
                <c:pt idx="835">
                  <c:v>2.5128459999999999E-14</c:v>
                </c:pt>
                <c:pt idx="836">
                  <c:v>1.9435939999999999E-14</c:v>
                </c:pt>
                <c:pt idx="837">
                  <c:v>2.0785949999999999E-14</c:v>
                </c:pt>
                <c:pt idx="838">
                  <c:v>2.6895600000000001E-14</c:v>
                </c:pt>
                <c:pt idx="839">
                  <c:v>3.1617960000000003E-14</c:v>
                </c:pt>
                <c:pt idx="840">
                  <c:v>2.9365869999999998E-14</c:v>
                </c:pt>
                <c:pt idx="841">
                  <c:v>2.132854E-14</c:v>
                </c:pt>
                <c:pt idx="842">
                  <c:v>1.3114520000000001E-14</c:v>
                </c:pt>
                <c:pt idx="843">
                  <c:v>7.0857020000000004E-15</c:v>
                </c:pt>
                <c:pt idx="844">
                  <c:v>1.4404090000000001E-15</c:v>
                </c:pt>
                <c:pt idx="845">
                  <c:v>-4.3949029999999999E-15</c:v>
                </c:pt>
                <c:pt idx="846">
                  <c:v>-7.8426649999999994E-15</c:v>
                </c:pt>
                <c:pt idx="847">
                  <c:v>-6.9706520000000002E-15</c:v>
                </c:pt>
                <c:pt idx="848">
                  <c:v>-3.4913110000000001E-15</c:v>
                </c:pt>
                <c:pt idx="849">
                  <c:v>-9.534326999999999E-16</c:v>
                </c:pt>
                <c:pt idx="850">
                  <c:v>-7.1201679999999997E-16</c:v>
                </c:pt>
                <c:pt idx="851">
                  <c:v>-8.2087070000000004E-16</c:v>
                </c:pt>
                <c:pt idx="852">
                  <c:v>8.7312580000000002E-16</c:v>
                </c:pt>
                <c:pt idx="853">
                  <c:v>4.5947769999999998E-15</c:v>
                </c:pt>
                <c:pt idx="854">
                  <c:v>1.053329E-14</c:v>
                </c:pt>
                <c:pt idx="855">
                  <c:v>1.967012E-14</c:v>
                </c:pt>
                <c:pt idx="856">
                  <c:v>3.1384109999999999E-14</c:v>
                </c:pt>
                <c:pt idx="857">
                  <c:v>4.3508010000000001E-14</c:v>
                </c:pt>
                <c:pt idx="858">
                  <c:v>5.3538440000000001E-14</c:v>
                </c:pt>
                <c:pt idx="859">
                  <c:v>5.7315389999999999E-14</c:v>
                </c:pt>
                <c:pt idx="860">
                  <c:v>5.3844259999999997E-14</c:v>
                </c:pt>
                <c:pt idx="861">
                  <c:v>5.1624979999999998E-14</c:v>
                </c:pt>
                <c:pt idx="862">
                  <c:v>5.8263779999999997E-14</c:v>
                </c:pt>
                <c:pt idx="863">
                  <c:v>6.803772E-14</c:v>
                </c:pt>
                <c:pt idx="864">
                  <c:v>7.0858660000000002E-14</c:v>
                </c:pt>
                <c:pt idx="865">
                  <c:v>6.6658339999999999E-14</c:v>
                </c:pt>
                <c:pt idx="866">
                  <c:v>6.2685569999999998E-14</c:v>
                </c:pt>
                <c:pt idx="867">
                  <c:v>6.1472329999999999E-14</c:v>
                </c:pt>
                <c:pt idx="868">
                  <c:v>5.774604E-14</c:v>
                </c:pt>
                <c:pt idx="869">
                  <c:v>4.7708030000000001E-14</c:v>
                </c:pt>
                <c:pt idx="870">
                  <c:v>3.6911499999999999E-14</c:v>
                </c:pt>
                <c:pt idx="871">
                  <c:v>3.3547670000000003E-14</c:v>
                </c:pt>
                <c:pt idx="872">
                  <c:v>3.6437239999999999E-14</c:v>
                </c:pt>
                <c:pt idx="873">
                  <c:v>3.6950350000000003E-14</c:v>
                </c:pt>
                <c:pt idx="874">
                  <c:v>3.1513219999999997E-14</c:v>
                </c:pt>
                <c:pt idx="875">
                  <c:v>2.4603879999999999E-14</c:v>
                </c:pt>
                <c:pt idx="876">
                  <c:v>2.142772E-14</c:v>
                </c:pt>
                <c:pt idx="877">
                  <c:v>2.4775560000000001E-14</c:v>
                </c:pt>
                <c:pt idx="878">
                  <c:v>3.5916929999999997E-14</c:v>
                </c:pt>
                <c:pt idx="879">
                  <c:v>5.5431609999999997E-14</c:v>
                </c:pt>
                <c:pt idx="880">
                  <c:v>8.9888570000000001E-14</c:v>
                </c:pt>
                <c:pt idx="881">
                  <c:v>1.6410180000000001E-13</c:v>
                </c:pt>
                <c:pt idx="882">
                  <c:v>3.290954E-13</c:v>
                </c:pt>
                <c:pt idx="883">
                  <c:v>6.5430990000000001E-13</c:v>
                </c:pt>
                <c:pt idx="884">
                  <c:v>1.196599E-12</c:v>
                </c:pt>
                <c:pt idx="885">
                  <c:v>1.9638259999999998E-12</c:v>
                </c:pt>
                <c:pt idx="886">
                  <c:v>2.905257E-12</c:v>
                </c:pt>
                <c:pt idx="887">
                  <c:v>3.9218440000000001E-12</c:v>
                </c:pt>
                <c:pt idx="888">
                  <c:v>4.8882119999999998E-12</c:v>
                </c:pt>
                <c:pt idx="889">
                  <c:v>5.7074549999999999E-12</c:v>
                </c:pt>
                <c:pt idx="890">
                  <c:v>6.3564279999999999E-12</c:v>
                </c:pt>
                <c:pt idx="891">
                  <c:v>6.8724250000000004E-12</c:v>
                </c:pt>
                <c:pt idx="892">
                  <c:v>7.3013100000000001E-12</c:v>
                </c:pt>
                <c:pt idx="893">
                  <c:v>7.6439279999999998E-12</c:v>
                </c:pt>
                <c:pt idx="894">
                  <c:v>7.8566219999999992E-12</c:v>
                </c:pt>
                <c:pt idx="895">
                  <c:v>7.9011219999999997E-12</c:v>
                </c:pt>
                <c:pt idx="896">
                  <c:v>7.7791429999999992E-12</c:v>
                </c:pt>
                <c:pt idx="897">
                  <c:v>7.5397220000000001E-12</c:v>
                </c:pt>
                <c:pt idx="898">
                  <c:v>7.2424669999999998E-12</c:v>
                </c:pt>
                <c:pt idx="899">
                  <c:v>6.8960330000000002E-12</c:v>
                </c:pt>
                <c:pt idx="900">
                  <c:v>6.475549E-12</c:v>
                </c:pt>
                <c:pt idx="901">
                  <c:v>5.9735009999999997E-12</c:v>
                </c:pt>
                <c:pt idx="902">
                  <c:v>5.3558920000000001E-12</c:v>
                </c:pt>
                <c:pt idx="903">
                  <c:v>4.522215E-12</c:v>
                </c:pt>
                <c:pt idx="904">
                  <c:v>3.432231E-12</c:v>
                </c:pt>
                <c:pt idx="905">
                  <c:v>2.2464810000000001E-12</c:v>
                </c:pt>
                <c:pt idx="906">
                  <c:v>1.235073E-12</c:v>
                </c:pt>
                <c:pt idx="907">
                  <c:v>5.6384030000000002E-13</c:v>
                </c:pt>
                <c:pt idx="908">
                  <c:v>2.1442319999999999E-13</c:v>
                </c:pt>
                <c:pt idx="909">
                  <c:v>6.9244970000000005E-14</c:v>
                </c:pt>
                <c:pt idx="910">
                  <c:v>1.9788059999999999E-14</c:v>
                </c:pt>
                <c:pt idx="911">
                  <c:v>5.6888029999999999E-15</c:v>
                </c:pt>
                <c:pt idx="912">
                  <c:v>2.478931E-15</c:v>
                </c:pt>
                <c:pt idx="913">
                  <c:v>1.987518E-15</c:v>
                </c:pt>
                <c:pt idx="914">
                  <c:v>2.8048660000000001E-15</c:v>
                </c:pt>
                <c:pt idx="915">
                  <c:v>7.3648930000000007E-15</c:v>
                </c:pt>
                <c:pt idx="916">
                  <c:v>1.8454049999999999E-14</c:v>
                </c:pt>
                <c:pt idx="917">
                  <c:v>3.5517469999999998E-14</c:v>
                </c:pt>
                <c:pt idx="918">
                  <c:v>5.4756769999999999E-14</c:v>
                </c:pt>
                <c:pt idx="919">
                  <c:v>7.3145729999999995E-14</c:v>
                </c:pt>
                <c:pt idx="920">
                  <c:v>9.0430379999999994E-14</c:v>
                </c:pt>
                <c:pt idx="921">
                  <c:v>1.044729E-13</c:v>
                </c:pt>
                <c:pt idx="922">
                  <c:v>1.097979E-13</c:v>
                </c:pt>
                <c:pt idx="923">
                  <c:v>1.070311E-13</c:v>
                </c:pt>
                <c:pt idx="924">
                  <c:v>1.062007E-13</c:v>
                </c:pt>
                <c:pt idx="925">
                  <c:v>1.128562E-13</c:v>
                </c:pt>
                <c:pt idx="926">
                  <c:v>1.19695E-13</c:v>
                </c:pt>
                <c:pt idx="927">
                  <c:v>1.185927E-13</c:v>
                </c:pt>
                <c:pt idx="928">
                  <c:v>1.113802E-13</c:v>
                </c:pt>
                <c:pt idx="929">
                  <c:v>1.058204E-13</c:v>
                </c:pt>
                <c:pt idx="930">
                  <c:v>1.092948E-13</c:v>
                </c:pt>
                <c:pt idx="931">
                  <c:v>1.231178E-13</c:v>
                </c:pt>
                <c:pt idx="932">
                  <c:v>1.3609150000000001E-13</c:v>
                </c:pt>
                <c:pt idx="933">
                  <c:v>1.3208019999999999E-13</c:v>
                </c:pt>
                <c:pt idx="934">
                  <c:v>1.113078E-13</c:v>
                </c:pt>
                <c:pt idx="935">
                  <c:v>9.4954830000000003E-14</c:v>
                </c:pt>
                <c:pt idx="936">
                  <c:v>1.0437879999999999E-13</c:v>
                </c:pt>
                <c:pt idx="937">
                  <c:v>1.430471E-13</c:v>
                </c:pt>
                <c:pt idx="938">
                  <c:v>1.9735660000000001E-13</c:v>
                </c:pt>
                <c:pt idx="939">
                  <c:v>2.4992090000000002E-13</c:v>
                </c:pt>
                <c:pt idx="940">
                  <c:v>2.9736259999999999E-13</c:v>
                </c:pt>
                <c:pt idx="941">
                  <c:v>3.5269400000000002E-13</c:v>
                </c:pt>
                <c:pt idx="942">
                  <c:v>4.292945E-13</c:v>
                </c:pt>
                <c:pt idx="943">
                  <c:v>5.3637900000000001E-13</c:v>
                </c:pt>
                <c:pt idx="944">
                  <c:v>6.7159419999999997E-13</c:v>
                </c:pt>
                <c:pt idx="945">
                  <c:v>7.9793210000000001E-13</c:v>
                </c:pt>
                <c:pt idx="946">
                  <c:v>8.6096049999999998E-13</c:v>
                </c:pt>
                <c:pt idx="947">
                  <c:v>8.450162E-13</c:v>
                </c:pt>
                <c:pt idx="948">
                  <c:v>7.8291100000000002E-13</c:v>
                </c:pt>
                <c:pt idx="949">
                  <c:v>7.1168080000000001E-13</c:v>
                </c:pt>
                <c:pt idx="950">
                  <c:v>6.5098210000000002E-13</c:v>
                </c:pt>
                <c:pt idx="951">
                  <c:v>6.1604999999999999E-13</c:v>
                </c:pt>
                <c:pt idx="952">
                  <c:v>6.1626089999999996E-13</c:v>
                </c:pt>
                <c:pt idx="953">
                  <c:v>6.2880119999999999E-13</c:v>
                </c:pt>
                <c:pt idx="954">
                  <c:v>5.9932149999999997E-13</c:v>
                </c:pt>
                <c:pt idx="955">
                  <c:v>5.0022260000000005E-13</c:v>
                </c:pt>
                <c:pt idx="956">
                  <c:v>3.661813E-13</c:v>
                </c:pt>
                <c:pt idx="957">
                  <c:v>2.5113449999999998E-13</c:v>
                </c:pt>
                <c:pt idx="958">
                  <c:v>1.792302E-13</c:v>
                </c:pt>
                <c:pt idx="959">
                  <c:v>1.418249E-13</c:v>
                </c:pt>
                <c:pt idx="960">
                  <c:v>1.1818000000000001E-13</c:v>
                </c:pt>
                <c:pt idx="961">
                  <c:v>9.4922209999999994E-14</c:v>
                </c:pt>
                <c:pt idx="962">
                  <c:v>7.3080649999999999E-14</c:v>
                </c:pt>
                <c:pt idx="963">
                  <c:v>6.1505040000000004E-14</c:v>
                </c:pt>
                <c:pt idx="964">
                  <c:v>6.4080539999999994E-14</c:v>
                </c:pt>
                <c:pt idx="965">
                  <c:v>7.2488930000000005E-14</c:v>
                </c:pt>
                <c:pt idx="966">
                  <c:v>7.2699760000000001E-14</c:v>
                </c:pt>
                <c:pt idx="967">
                  <c:v>5.8520180000000005E-14</c:v>
                </c:pt>
                <c:pt idx="968">
                  <c:v>3.6936610000000003E-14</c:v>
                </c:pt>
                <c:pt idx="969">
                  <c:v>2.0831799999999999E-14</c:v>
                </c:pt>
                <c:pt idx="970">
                  <c:v>1.6925779999999999E-14</c:v>
                </c:pt>
                <c:pt idx="971">
                  <c:v>1.9910129999999999E-14</c:v>
                </c:pt>
                <c:pt idx="972">
                  <c:v>1.972109E-14</c:v>
                </c:pt>
                <c:pt idx="973">
                  <c:v>1.376056E-14</c:v>
                </c:pt>
                <c:pt idx="974">
                  <c:v>7.7275650000000004E-15</c:v>
                </c:pt>
                <c:pt idx="975">
                  <c:v>5.6921609999999996E-15</c:v>
                </c:pt>
                <c:pt idx="976">
                  <c:v>5.4803339999999997E-15</c:v>
                </c:pt>
                <c:pt idx="977">
                  <c:v>3.618158E-15</c:v>
                </c:pt>
                <c:pt idx="978">
                  <c:v>-7.0431940000000001E-17</c:v>
                </c:pt>
                <c:pt idx="979">
                  <c:v>-3.3251120000000001E-15</c:v>
                </c:pt>
                <c:pt idx="980">
                  <c:v>-4.6073349999999998E-15</c:v>
                </c:pt>
                <c:pt idx="981">
                  <c:v>-4.1357869999999998E-15</c:v>
                </c:pt>
                <c:pt idx="982">
                  <c:v>-2.55815E-15</c:v>
                </c:pt>
                <c:pt idx="983">
                  <c:v>-3.609726E-16</c:v>
                </c:pt>
                <c:pt idx="984">
                  <c:v>2.503413E-15</c:v>
                </c:pt>
                <c:pt idx="985">
                  <c:v>7.2182639999999999E-15</c:v>
                </c:pt>
                <c:pt idx="986">
                  <c:v>1.473146E-14</c:v>
                </c:pt>
                <c:pt idx="987">
                  <c:v>2.3790550000000001E-14</c:v>
                </c:pt>
                <c:pt idx="988">
                  <c:v>2.9967800000000002E-14</c:v>
                </c:pt>
                <c:pt idx="989">
                  <c:v>2.7716650000000001E-14</c:v>
                </c:pt>
                <c:pt idx="990">
                  <c:v>1.6436720000000001E-14</c:v>
                </c:pt>
                <c:pt idx="991">
                  <c:v>2.9864369999999998E-15</c:v>
                </c:pt>
                <c:pt idx="992">
                  <c:v>-3.8712580000000001E-15</c:v>
                </c:pt>
                <c:pt idx="993">
                  <c:v>-1.1636969999999999E-15</c:v>
                </c:pt>
                <c:pt idx="994">
                  <c:v>5.768639E-15</c:v>
                </c:pt>
                <c:pt idx="995">
                  <c:v>8.9152789999999994E-15</c:v>
                </c:pt>
                <c:pt idx="996">
                  <c:v>5.8758529999999997E-15</c:v>
                </c:pt>
                <c:pt idx="997">
                  <c:v>5.7356410000000005E-16</c:v>
                </c:pt>
                <c:pt idx="998">
                  <c:v>-2.8478180000000002E-15</c:v>
                </c:pt>
                <c:pt idx="999">
                  <c:v>-3.4007109999999998E-15</c:v>
                </c:pt>
                <c:pt idx="1000">
                  <c:v>-2.4375490000000001E-15</c:v>
                </c:pt>
                <c:pt idx="1001">
                  <c:v>-1.798804E-15</c:v>
                </c:pt>
                <c:pt idx="1002">
                  <c:v>-2.0684809999999999E-15</c:v>
                </c:pt>
                <c:pt idx="1003">
                  <c:v>-2.447761E-15</c:v>
                </c:pt>
                <c:pt idx="1004">
                  <c:v>-2.0170959999999999E-15</c:v>
                </c:pt>
                <c:pt idx="1005">
                  <c:v>-9.7998779999999998E-16</c:v>
                </c:pt>
                <c:pt idx="1006">
                  <c:v>-3.6616250000000001E-16</c:v>
                </c:pt>
                <c:pt idx="1007">
                  <c:v>1.0045439999999999E-16</c:v>
                </c:pt>
                <c:pt idx="1008">
                  <c:v>2.4354359999999999E-15</c:v>
                </c:pt>
                <c:pt idx="1009">
                  <c:v>7.7713800000000005E-15</c:v>
                </c:pt>
                <c:pt idx="1010">
                  <c:v>1.670735E-14</c:v>
                </c:pt>
                <c:pt idx="1011">
                  <c:v>3.3450949999999998E-14</c:v>
                </c:pt>
                <c:pt idx="1012">
                  <c:v>6.2275479999999994E-14</c:v>
                </c:pt>
                <c:pt idx="1013">
                  <c:v>9.790956E-14</c:v>
                </c:pt>
                <c:pt idx="1014">
                  <c:v>1.3039769999999999E-13</c:v>
                </c:pt>
                <c:pt idx="1015">
                  <c:v>1.627802E-13</c:v>
                </c:pt>
                <c:pt idx="1016">
                  <c:v>2.128386E-13</c:v>
                </c:pt>
                <c:pt idx="1017">
                  <c:v>2.9173920000000002E-13</c:v>
                </c:pt>
                <c:pt idx="1018">
                  <c:v>3.8470169999999999E-13</c:v>
                </c:pt>
                <c:pt idx="1019">
                  <c:v>4.5897490000000001E-13</c:v>
                </c:pt>
                <c:pt idx="1020">
                  <c:v>4.9656660000000003E-13</c:v>
                </c:pt>
                <c:pt idx="1021">
                  <c:v>5.0966690000000002E-13</c:v>
                </c:pt>
                <c:pt idx="1022">
                  <c:v>5.1715349999999997E-13</c:v>
                </c:pt>
                <c:pt idx="1023">
                  <c:v>5.2451010000000001E-13</c:v>
                </c:pt>
                <c:pt idx="1024">
                  <c:v>5.2995139999999998E-13</c:v>
                </c:pt>
                <c:pt idx="1025">
                  <c:v>5.3467909999999999E-13</c:v>
                </c:pt>
                <c:pt idx="1026">
                  <c:v>5.4466210000000002E-13</c:v>
                </c:pt>
                <c:pt idx="1027">
                  <c:v>5.5842279999999996E-13</c:v>
                </c:pt>
                <c:pt idx="1028">
                  <c:v>5.5831859999999999E-13</c:v>
                </c:pt>
                <c:pt idx="1029">
                  <c:v>5.311631E-13</c:v>
                </c:pt>
                <c:pt idx="1030">
                  <c:v>4.7724609999999998E-13</c:v>
                </c:pt>
                <c:pt idx="1031">
                  <c:v>3.905879E-13</c:v>
                </c:pt>
                <c:pt idx="1032">
                  <c:v>2.7247500000000001E-13</c:v>
                </c:pt>
                <c:pt idx="1033">
                  <c:v>1.5562199999999999E-13</c:v>
                </c:pt>
                <c:pt idx="1034">
                  <c:v>7.566436E-14</c:v>
                </c:pt>
                <c:pt idx="1035">
                  <c:v>3.6157909999999998E-14</c:v>
                </c:pt>
                <c:pt idx="1036">
                  <c:v>1.971874E-14</c:v>
                </c:pt>
                <c:pt idx="1037">
                  <c:v>1.266589E-14</c:v>
                </c:pt>
                <c:pt idx="1038">
                  <c:v>9.1575609999999995E-15</c:v>
                </c:pt>
                <c:pt idx="1039">
                  <c:v>6.4519100000000003E-15</c:v>
                </c:pt>
                <c:pt idx="1040">
                  <c:v>4.1156619999999999E-15</c:v>
                </c:pt>
                <c:pt idx="1041">
                  <c:v>3.9264979999999998E-15</c:v>
                </c:pt>
                <c:pt idx="1042">
                  <c:v>8.1014729999999997E-15</c:v>
                </c:pt>
                <c:pt idx="1043">
                  <c:v>1.5941389999999999E-14</c:v>
                </c:pt>
                <c:pt idx="1044">
                  <c:v>2.1876609999999999E-14</c:v>
                </c:pt>
                <c:pt idx="1045">
                  <c:v>2.0496300000000001E-14</c:v>
                </c:pt>
                <c:pt idx="1046">
                  <c:v>1.251544E-14</c:v>
                </c:pt>
                <c:pt idx="1047">
                  <c:v>2.697825E-15</c:v>
                </c:pt>
                <c:pt idx="1048">
                  <c:v>-4.6453030000000002E-15</c:v>
                </c:pt>
                <c:pt idx="1049">
                  <c:v>-7.5182310000000005E-15</c:v>
                </c:pt>
                <c:pt idx="1050">
                  <c:v>-6.99044E-15</c:v>
                </c:pt>
                <c:pt idx="1051">
                  <c:v>-5.6133229999999997E-15</c:v>
                </c:pt>
                <c:pt idx="1052">
                  <c:v>-4.5581299999999998E-15</c:v>
                </c:pt>
                <c:pt idx="1053">
                  <c:v>-2.9413290000000002E-15</c:v>
                </c:pt>
                <c:pt idx="1054">
                  <c:v>4.6804370000000003E-16</c:v>
                </c:pt>
                <c:pt idx="1055">
                  <c:v>4.7334099999999997E-15</c:v>
                </c:pt>
                <c:pt idx="1056">
                  <c:v>6.646418E-15</c:v>
                </c:pt>
                <c:pt idx="1057">
                  <c:v>4.5983330000000002E-15</c:v>
                </c:pt>
                <c:pt idx="1058">
                  <c:v>8.8419730000000004E-16</c:v>
                </c:pt>
                <c:pt idx="1059">
                  <c:v>-1.6668630000000001E-15</c:v>
                </c:pt>
                <c:pt idx="1060">
                  <c:v>-3.2611669999999998E-15</c:v>
                </c:pt>
                <c:pt idx="1061">
                  <c:v>-5.058463E-15</c:v>
                </c:pt>
                <c:pt idx="1062">
                  <c:v>-5.7581310000000002E-15</c:v>
                </c:pt>
                <c:pt idx="1063">
                  <c:v>-3.4821670000000001E-15</c:v>
                </c:pt>
                <c:pt idx="1064">
                  <c:v>4.2638040000000001E-16</c:v>
                </c:pt>
                <c:pt idx="1065">
                  <c:v>2.6339240000000001E-15</c:v>
                </c:pt>
                <c:pt idx="1066">
                  <c:v>2.2040899999999999E-15</c:v>
                </c:pt>
                <c:pt idx="1067">
                  <c:v>1.029035E-15</c:v>
                </c:pt>
                <c:pt idx="1068">
                  <c:v>1.6488909999999999E-16</c:v>
                </c:pt>
                <c:pt idx="1069">
                  <c:v>-1.286922E-15</c:v>
                </c:pt>
                <c:pt idx="1070">
                  <c:v>-3.534551E-15</c:v>
                </c:pt>
                <c:pt idx="1071">
                  <c:v>-5.0843830000000002E-15</c:v>
                </c:pt>
                <c:pt idx="1072">
                  <c:v>-4.694369E-15</c:v>
                </c:pt>
                <c:pt idx="1073">
                  <c:v>-2.789413E-15</c:v>
                </c:pt>
                <c:pt idx="1074">
                  <c:v>-1.0550759999999999E-15</c:v>
                </c:pt>
                <c:pt idx="1075">
                  <c:v>-1.088599E-15</c:v>
                </c:pt>
                <c:pt idx="1076">
                  <c:v>-2.5962120000000001E-15</c:v>
                </c:pt>
                <c:pt idx="1077">
                  <c:v>-3.2475619999999999E-15</c:v>
                </c:pt>
                <c:pt idx="1078">
                  <c:v>-1.056757E-15</c:v>
                </c:pt>
                <c:pt idx="1079">
                  <c:v>3.7867659999999997E-15</c:v>
                </c:pt>
                <c:pt idx="1080">
                  <c:v>9.2955009999999995E-15</c:v>
                </c:pt>
                <c:pt idx="1081">
                  <c:v>1.33001E-14</c:v>
                </c:pt>
                <c:pt idx="1082">
                  <c:v>1.4566369999999998E-14</c:v>
                </c:pt>
                <c:pt idx="1083">
                  <c:v>1.3158009999999999E-14</c:v>
                </c:pt>
                <c:pt idx="1084">
                  <c:v>1.0417760000000001E-14</c:v>
                </c:pt>
                <c:pt idx="1085">
                  <c:v>7.4336500000000004E-15</c:v>
                </c:pt>
                <c:pt idx="1086">
                  <c:v>4.1628299999999998E-15</c:v>
                </c:pt>
                <c:pt idx="1087">
                  <c:v>8.1323150000000003E-16</c:v>
                </c:pt>
                <c:pt idx="1088">
                  <c:v>-1.787936E-15</c:v>
                </c:pt>
                <c:pt idx="1089">
                  <c:v>-3.4099599999999999E-15</c:v>
                </c:pt>
                <c:pt idx="1090">
                  <c:v>-4.5088390000000003E-15</c:v>
                </c:pt>
                <c:pt idx="1091">
                  <c:v>-5.1741289999999997E-15</c:v>
                </c:pt>
                <c:pt idx="1092">
                  <c:v>-4.389702E-15</c:v>
                </c:pt>
                <c:pt idx="1093">
                  <c:v>-6.2877699999999998E-16</c:v>
                </c:pt>
                <c:pt idx="1094">
                  <c:v>5.537652E-15</c:v>
                </c:pt>
                <c:pt idx="1095">
                  <c:v>1.015978E-14</c:v>
                </c:pt>
                <c:pt idx="1096">
                  <c:v>9.6912470000000004E-15</c:v>
                </c:pt>
                <c:pt idx="1097">
                  <c:v>5.3427229999999996E-15</c:v>
                </c:pt>
                <c:pt idx="1098">
                  <c:v>1.4538100000000001E-15</c:v>
                </c:pt>
                <c:pt idx="1099">
                  <c:v>1.509378E-16</c:v>
                </c:pt>
                <c:pt idx="1100">
                  <c:v>-2.8560400000000002E-16</c:v>
                </c:pt>
                <c:pt idx="1101">
                  <c:v>-1.942758E-15</c:v>
                </c:pt>
                <c:pt idx="1102">
                  <c:v>-4.4011089999999996E-15</c:v>
                </c:pt>
                <c:pt idx="1103">
                  <c:v>-5.6493320000000003E-15</c:v>
                </c:pt>
                <c:pt idx="1104">
                  <c:v>-4.4417320000000001E-15</c:v>
                </c:pt>
                <c:pt idx="1105">
                  <c:v>-1.6001450000000001E-15</c:v>
                </c:pt>
                <c:pt idx="1106">
                  <c:v>6.7576570000000002E-16</c:v>
                </c:pt>
                <c:pt idx="1107">
                  <c:v>9.5731280000000006E-16</c:v>
                </c:pt>
                <c:pt idx="1108">
                  <c:v>-8.074065E-17</c:v>
                </c:pt>
                <c:pt idx="1109">
                  <c:v>-6.6999369999999999E-16</c:v>
                </c:pt>
                <c:pt idx="1110">
                  <c:v>-1.131782E-16</c:v>
                </c:pt>
                <c:pt idx="1111">
                  <c:v>6.3123779999999998E-16</c:v>
                </c:pt>
                <c:pt idx="1112">
                  <c:v>6.2620030000000004E-16</c:v>
                </c:pt>
                <c:pt idx="1113">
                  <c:v>1.9858470000000001E-16</c:v>
                </c:pt>
                <c:pt idx="1114">
                  <c:v>1.1298400000000001E-16</c:v>
                </c:pt>
                <c:pt idx="1115">
                  <c:v>5.1675830000000005E-16</c:v>
                </c:pt>
                <c:pt idx="1116">
                  <c:v>1.2104709999999999E-15</c:v>
                </c:pt>
                <c:pt idx="1117">
                  <c:v>2.6032519999999999E-15</c:v>
                </c:pt>
                <c:pt idx="1118">
                  <c:v>5.5129989999999996E-15</c:v>
                </c:pt>
                <c:pt idx="1119">
                  <c:v>9.4902499999999999E-15</c:v>
                </c:pt>
                <c:pt idx="1120">
                  <c:v>1.2589960000000001E-14</c:v>
                </c:pt>
                <c:pt idx="1121">
                  <c:v>1.328663E-14</c:v>
                </c:pt>
                <c:pt idx="1122">
                  <c:v>1.1436829999999999E-14</c:v>
                </c:pt>
                <c:pt idx="1123">
                  <c:v>8.1880549999999993E-15</c:v>
                </c:pt>
                <c:pt idx="1124">
                  <c:v>5.7574990000000004E-15</c:v>
                </c:pt>
                <c:pt idx="1125">
                  <c:v>5.6636409999999997E-15</c:v>
                </c:pt>
                <c:pt idx="1126">
                  <c:v>6.9496730000000002E-15</c:v>
                </c:pt>
                <c:pt idx="1127">
                  <c:v>7.2150399999999998E-15</c:v>
                </c:pt>
                <c:pt idx="1128">
                  <c:v>5.2494880000000004E-15</c:v>
                </c:pt>
                <c:pt idx="1129">
                  <c:v>1.847367E-15</c:v>
                </c:pt>
                <c:pt idx="1130">
                  <c:v>-1.291204E-15</c:v>
                </c:pt>
                <c:pt idx="1131">
                  <c:v>-2.5204810000000001E-15</c:v>
                </c:pt>
                <c:pt idx="1132">
                  <c:v>-1.666822E-15</c:v>
                </c:pt>
                <c:pt idx="1133">
                  <c:v>-6.3771039999999999E-16</c:v>
                </c:pt>
                <c:pt idx="1134">
                  <c:v>-9.4001949999999993E-16</c:v>
                </c:pt>
                <c:pt idx="1135">
                  <c:v>-2.0143080000000002E-15</c:v>
                </c:pt>
                <c:pt idx="1136">
                  <c:v>-2.8256560000000002E-15</c:v>
                </c:pt>
                <c:pt idx="1137">
                  <c:v>-2.9538249999999998E-15</c:v>
                </c:pt>
                <c:pt idx="1138">
                  <c:v>-1.9273390000000001E-15</c:v>
                </c:pt>
                <c:pt idx="1139">
                  <c:v>6.9301329999999999E-16</c:v>
                </c:pt>
                <c:pt idx="1140">
                  <c:v>3.9727489999999999E-15</c:v>
                </c:pt>
                <c:pt idx="1141">
                  <c:v>5.9923820000000002E-15</c:v>
                </c:pt>
                <c:pt idx="1142">
                  <c:v>6.4535429999999998E-15</c:v>
                </c:pt>
                <c:pt idx="1143">
                  <c:v>6.7626340000000001E-15</c:v>
                </c:pt>
                <c:pt idx="1144">
                  <c:v>7.0789229999999997E-15</c:v>
                </c:pt>
                <c:pt idx="1145">
                  <c:v>6.4402319999999998E-15</c:v>
                </c:pt>
                <c:pt idx="1146">
                  <c:v>5.9560710000000004E-15</c:v>
                </c:pt>
                <c:pt idx="1147">
                  <c:v>8.2986069999999999E-15</c:v>
                </c:pt>
                <c:pt idx="1148">
                  <c:v>1.312863E-14</c:v>
                </c:pt>
                <c:pt idx="1149">
                  <c:v>1.5748590000000001E-14</c:v>
                </c:pt>
                <c:pt idx="1150">
                  <c:v>1.296633E-14</c:v>
                </c:pt>
                <c:pt idx="1151">
                  <c:v>8.9798490000000003E-15</c:v>
                </c:pt>
                <c:pt idx="1152">
                  <c:v>1.152911E-14</c:v>
                </c:pt>
                <c:pt idx="1153">
                  <c:v>2.1822469999999999E-14</c:v>
                </c:pt>
                <c:pt idx="1154">
                  <c:v>3.1749980000000001E-14</c:v>
                </c:pt>
                <c:pt idx="1155">
                  <c:v>3.3212610000000001E-14</c:v>
                </c:pt>
                <c:pt idx="1156">
                  <c:v>2.7070169999999999E-14</c:v>
                </c:pt>
                <c:pt idx="1157">
                  <c:v>1.970805E-14</c:v>
                </c:pt>
                <c:pt idx="1158">
                  <c:v>1.4884889999999999E-14</c:v>
                </c:pt>
                <c:pt idx="1159">
                  <c:v>1.201982E-14</c:v>
                </c:pt>
                <c:pt idx="1160">
                  <c:v>9.2307769999999994E-15</c:v>
                </c:pt>
                <c:pt idx="1161">
                  <c:v>6.0715650000000003E-15</c:v>
                </c:pt>
                <c:pt idx="1162">
                  <c:v>3.015453E-15</c:v>
                </c:pt>
                <c:pt idx="1163">
                  <c:v>-5.1679209999999998E-16</c:v>
                </c:pt>
                <c:pt idx="1164">
                  <c:v>-4.9207500000000001E-15</c:v>
                </c:pt>
                <c:pt idx="1165">
                  <c:v>-8.6732859999999993E-15</c:v>
                </c:pt>
                <c:pt idx="1166">
                  <c:v>-1.000461E-14</c:v>
                </c:pt>
                <c:pt idx="1167">
                  <c:v>-8.8868710000000006E-15</c:v>
                </c:pt>
                <c:pt idx="1168">
                  <c:v>-6.8418470000000003E-15</c:v>
                </c:pt>
                <c:pt idx="1169">
                  <c:v>-5.338992E-15</c:v>
                </c:pt>
                <c:pt idx="1170">
                  <c:v>-4.8362709999999998E-15</c:v>
                </c:pt>
                <c:pt idx="1171">
                  <c:v>-5.3771349999999998E-15</c:v>
                </c:pt>
                <c:pt idx="1172">
                  <c:v>-6.202426E-15</c:v>
                </c:pt>
                <c:pt idx="1173">
                  <c:v>-5.0627520000000001E-15</c:v>
                </c:pt>
                <c:pt idx="1174">
                  <c:v>-3.9081139999999998E-16</c:v>
                </c:pt>
                <c:pt idx="1175">
                  <c:v>6.307737E-15</c:v>
                </c:pt>
                <c:pt idx="1176">
                  <c:v>1.20274E-14</c:v>
                </c:pt>
                <c:pt idx="1177">
                  <c:v>1.555954E-14</c:v>
                </c:pt>
                <c:pt idx="1178">
                  <c:v>1.6958370000000001E-14</c:v>
                </c:pt>
                <c:pt idx="1179">
                  <c:v>1.5090539999999999E-14</c:v>
                </c:pt>
                <c:pt idx="1180">
                  <c:v>9.25652E-15</c:v>
                </c:pt>
                <c:pt idx="1181">
                  <c:v>1.5746309999999999E-15</c:v>
                </c:pt>
                <c:pt idx="1182">
                  <c:v>-4.490955E-15</c:v>
                </c:pt>
                <c:pt idx="1183">
                  <c:v>-6.9744349999999999E-15</c:v>
                </c:pt>
                <c:pt idx="1184">
                  <c:v>-6.8424199999999997E-15</c:v>
                </c:pt>
                <c:pt idx="1185">
                  <c:v>-6.2655550000000001E-15</c:v>
                </c:pt>
                <c:pt idx="1186">
                  <c:v>-5.4487620000000002E-15</c:v>
                </c:pt>
                <c:pt idx="1187">
                  <c:v>-3.053487E-15</c:v>
                </c:pt>
                <c:pt idx="1188">
                  <c:v>7.4017589999999998E-16</c:v>
                </c:pt>
                <c:pt idx="1189">
                  <c:v>4.3688270000000002E-15</c:v>
                </c:pt>
                <c:pt idx="1190">
                  <c:v>7.2434669999999999E-15</c:v>
                </c:pt>
                <c:pt idx="1191">
                  <c:v>9.1601989999999994E-15</c:v>
                </c:pt>
                <c:pt idx="1192">
                  <c:v>8.9692010000000005E-15</c:v>
                </c:pt>
                <c:pt idx="1193">
                  <c:v>6.3223369999999999E-15</c:v>
                </c:pt>
                <c:pt idx="1194">
                  <c:v>3.1285349999999999E-15</c:v>
                </c:pt>
                <c:pt idx="1195">
                  <c:v>1.2839409999999999E-15</c:v>
                </c:pt>
                <c:pt idx="1196">
                  <c:v>3.9961980000000001E-16</c:v>
                </c:pt>
                <c:pt idx="1197">
                  <c:v>-5.6476149999999996E-16</c:v>
                </c:pt>
                <c:pt idx="1198">
                  <c:v>-1.391852E-15</c:v>
                </c:pt>
                <c:pt idx="1199">
                  <c:v>-1.8372780000000001E-15</c:v>
                </c:pt>
                <c:pt idx="1200">
                  <c:v>-2.488801E-15</c:v>
                </c:pt>
                <c:pt idx="1201">
                  <c:v>-3.2077650000000002E-15</c:v>
                </c:pt>
                <c:pt idx="1202">
                  <c:v>-2.680279E-15</c:v>
                </c:pt>
                <c:pt idx="1203">
                  <c:v>-5.120714E-16</c:v>
                </c:pt>
                <c:pt idx="1204">
                  <c:v>1.671476E-15</c:v>
                </c:pt>
                <c:pt idx="1205">
                  <c:v>2.4544349999999998E-15</c:v>
                </c:pt>
                <c:pt idx="1206">
                  <c:v>2.542433E-15</c:v>
                </c:pt>
                <c:pt idx="1207">
                  <c:v>2.9886779999999998E-15</c:v>
                </c:pt>
                <c:pt idx="1208">
                  <c:v>3.2951970000000001E-15</c:v>
                </c:pt>
                <c:pt idx="1209">
                  <c:v>2.816094E-15</c:v>
                </c:pt>
                <c:pt idx="1210">
                  <c:v>2.605922E-15</c:v>
                </c:pt>
                <c:pt idx="1211">
                  <c:v>3.8325799999999997E-15</c:v>
                </c:pt>
                <c:pt idx="1212">
                  <c:v>5.1729629999999998E-15</c:v>
                </c:pt>
                <c:pt idx="1213">
                  <c:v>4.5280840000000001E-15</c:v>
                </c:pt>
                <c:pt idx="1214">
                  <c:v>2.1919399999999999E-15</c:v>
                </c:pt>
                <c:pt idx="1215">
                  <c:v>2.305679E-16</c:v>
                </c:pt>
                <c:pt idx="1216">
                  <c:v>8.3895070000000003E-16</c:v>
                </c:pt>
                <c:pt idx="1217">
                  <c:v>6.3019340000000003E-15</c:v>
                </c:pt>
                <c:pt idx="1218">
                  <c:v>1.7394659999999999E-14</c:v>
                </c:pt>
                <c:pt idx="1219">
                  <c:v>2.9374559999999998E-14</c:v>
                </c:pt>
                <c:pt idx="1220">
                  <c:v>3.3359329999999997E-14</c:v>
                </c:pt>
                <c:pt idx="1221">
                  <c:v>2.611676E-14</c:v>
                </c:pt>
                <c:pt idx="1222">
                  <c:v>1.4477349999999999E-14</c:v>
                </c:pt>
                <c:pt idx="1223">
                  <c:v>6.8822209999999999E-15</c:v>
                </c:pt>
                <c:pt idx="1224">
                  <c:v>5.4750459999999996E-15</c:v>
                </c:pt>
                <c:pt idx="1225">
                  <c:v>7.9626409999999994E-15</c:v>
                </c:pt>
                <c:pt idx="1226">
                  <c:v>1.223036E-14</c:v>
                </c:pt>
                <c:pt idx="1227">
                  <c:v>1.7055170000000001E-14</c:v>
                </c:pt>
                <c:pt idx="1228">
                  <c:v>2.1285090000000001E-14</c:v>
                </c:pt>
                <c:pt idx="1229">
                  <c:v>2.40181E-14</c:v>
                </c:pt>
                <c:pt idx="1230">
                  <c:v>2.413957E-14</c:v>
                </c:pt>
                <c:pt idx="1231">
                  <c:v>2.0607890000000001E-14</c:v>
                </c:pt>
                <c:pt idx="1232">
                  <c:v>1.4767689999999999E-14</c:v>
                </c:pt>
                <c:pt idx="1233">
                  <c:v>9.7945159999999996E-15</c:v>
                </c:pt>
                <c:pt idx="1234">
                  <c:v>7.141779E-15</c:v>
                </c:pt>
                <c:pt idx="1235">
                  <c:v>6.1685229999999998E-15</c:v>
                </c:pt>
                <c:pt idx="1236">
                  <c:v>6.7759800000000001E-15</c:v>
                </c:pt>
                <c:pt idx="1237">
                  <c:v>9.8908819999999999E-15</c:v>
                </c:pt>
                <c:pt idx="1238">
                  <c:v>1.5643450000000001E-14</c:v>
                </c:pt>
                <c:pt idx="1239">
                  <c:v>2.216291E-14</c:v>
                </c:pt>
                <c:pt idx="1240">
                  <c:v>2.6104759999999999E-14</c:v>
                </c:pt>
                <c:pt idx="1241">
                  <c:v>2.5820429999999999E-14</c:v>
                </c:pt>
                <c:pt idx="1242">
                  <c:v>2.383099E-14</c:v>
                </c:pt>
                <c:pt idx="1243">
                  <c:v>2.325709E-14</c:v>
                </c:pt>
                <c:pt idx="1244">
                  <c:v>2.3183280000000001E-14</c:v>
                </c:pt>
                <c:pt idx="1245">
                  <c:v>2.0982180000000001E-14</c:v>
                </c:pt>
                <c:pt idx="1246">
                  <c:v>1.760129E-14</c:v>
                </c:pt>
                <c:pt idx="1247">
                  <c:v>1.6790319999999999E-14</c:v>
                </c:pt>
                <c:pt idx="1248">
                  <c:v>1.931581E-14</c:v>
                </c:pt>
                <c:pt idx="1249">
                  <c:v>2.2109129999999999E-14</c:v>
                </c:pt>
                <c:pt idx="1250">
                  <c:v>2.3284489999999999E-14</c:v>
                </c:pt>
                <c:pt idx="1251">
                  <c:v>2.3035829999999999E-14</c:v>
                </c:pt>
                <c:pt idx="1252">
                  <c:v>2.0511349999999999E-14</c:v>
                </c:pt>
                <c:pt idx="1253">
                  <c:v>1.494528E-14</c:v>
                </c:pt>
                <c:pt idx="1254">
                  <c:v>8.1088380000000006E-15</c:v>
                </c:pt>
                <c:pt idx="1255">
                  <c:v>2.657287E-15</c:v>
                </c:pt>
                <c:pt idx="1256">
                  <c:v>1.682753E-16</c:v>
                </c:pt>
                <c:pt idx="1257">
                  <c:v>8.4328159999999998E-16</c:v>
                </c:pt>
                <c:pt idx="1258">
                  <c:v>3.4788300000000002E-15</c:v>
                </c:pt>
                <c:pt idx="1259">
                  <c:v>6.9664020000000002E-15</c:v>
                </c:pt>
                <c:pt idx="1260">
                  <c:v>1.1951340000000001E-14</c:v>
                </c:pt>
                <c:pt idx="1261">
                  <c:v>1.7783380000000001E-14</c:v>
                </c:pt>
                <c:pt idx="1262">
                  <c:v>1.9385569999999999E-14</c:v>
                </c:pt>
                <c:pt idx="1263">
                  <c:v>1.329056E-14</c:v>
                </c:pt>
                <c:pt idx="1264">
                  <c:v>3.9557430000000001E-15</c:v>
                </c:pt>
                <c:pt idx="1265">
                  <c:v>-1.3051360000000001E-15</c:v>
                </c:pt>
                <c:pt idx="1266">
                  <c:v>3.7777099999999999E-16</c:v>
                </c:pt>
                <c:pt idx="1267">
                  <c:v>7.6342849999999998E-15</c:v>
                </c:pt>
                <c:pt idx="1268">
                  <c:v>1.8269919999999999E-14</c:v>
                </c:pt>
                <c:pt idx="1269">
                  <c:v>2.9988590000000002E-14</c:v>
                </c:pt>
                <c:pt idx="1270">
                  <c:v>3.958354E-14</c:v>
                </c:pt>
                <c:pt idx="1271">
                  <c:v>4.4917759999999999E-14</c:v>
                </c:pt>
                <c:pt idx="1272">
                  <c:v>4.726269E-14</c:v>
                </c:pt>
                <c:pt idx="1273">
                  <c:v>4.8689490000000002E-14</c:v>
                </c:pt>
                <c:pt idx="1274">
                  <c:v>4.8200919999999998E-14</c:v>
                </c:pt>
                <c:pt idx="1275">
                  <c:v>4.3760420000000001E-14</c:v>
                </c:pt>
                <c:pt idx="1276">
                  <c:v>3.8151950000000003E-14</c:v>
                </c:pt>
                <c:pt idx="1277">
                  <c:v>3.8440150000000003E-14</c:v>
                </c:pt>
                <c:pt idx="1278">
                  <c:v>4.7056519999999999E-14</c:v>
                </c:pt>
                <c:pt idx="1279">
                  <c:v>5.6545119999999998E-14</c:v>
                </c:pt>
                <c:pt idx="1280">
                  <c:v>5.7394440000000004E-14</c:v>
                </c:pt>
                <c:pt idx="1281">
                  <c:v>4.9572059999999999E-14</c:v>
                </c:pt>
                <c:pt idx="1282">
                  <c:v>4.1374040000000003E-14</c:v>
                </c:pt>
                <c:pt idx="1283">
                  <c:v>3.8929870000000002E-14</c:v>
                </c:pt>
                <c:pt idx="1284">
                  <c:v>4.1507819999999999E-14</c:v>
                </c:pt>
                <c:pt idx="1285">
                  <c:v>4.444311E-14</c:v>
                </c:pt>
                <c:pt idx="1286">
                  <c:v>4.3163650000000002E-14</c:v>
                </c:pt>
                <c:pt idx="1287">
                  <c:v>3.5772469999999999E-14</c:v>
                </c:pt>
                <c:pt idx="1288">
                  <c:v>2.4273879999999999E-14</c:v>
                </c:pt>
                <c:pt idx="1289">
                  <c:v>1.307226E-14</c:v>
                </c:pt>
                <c:pt idx="1290">
                  <c:v>4.9122850000000001E-15</c:v>
                </c:pt>
                <c:pt idx="1291">
                  <c:v>-2.8112280000000001E-16</c:v>
                </c:pt>
                <c:pt idx="1292">
                  <c:v>-3.1348340000000002E-15</c:v>
                </c:pt>
                <c:pt idx="1293">
                  <c:v>-3.9368970000000003E-15</c:v>
                </c:pt>
                <c:pt idx="1294">
                  <c:v>-3.0606029999999999E-15</c:v>
                </c:pt>
                <c:pt idx="1295">
                  <c:v>-1.415258E-15</c:v>
                </c:pt>
                <c:pt idx="1296">
                  <c:v>-8.2311879999999997E-16</c:v>
                </c:pt>
                <c:pt idx="1297">
                  <c:v>-2.7432449999999999E-15</c:v>
                </c:pt>
                <c:pt idx="1298">
                  <c:v>-6.1065960000000002E-15</c:v>
                </c:pt>
                <c:pt idx="1299">
                  <c:v>-7.7843449999999997E-15</c:v>
                </c:pt>
                <c:pt idx="1300">
                  <c:v>-5.7665409999999998E-15</c:v>
                </c:pt>
                <c:pt idx="1301">
                  <c:v>-1.4210859999999999E-15</c:v>
                </c:pt>
                <c:pt idx="1302">
                  <c:v>1.9380509999999998E-15</c:v>
                </c:pt>
                <c:pt idx="1303">
                  <c:v>2.4844069999999998E-15</c:v>
                </c:pt>
                <c:pt idx="1304">
                  <c:v>6.0557349999999996E-16</c:v>
                </c:pt>
                <c:pt idx="1305">
                  <c:v>-2.787452E-15</c:v>
                </c:pt>
                <c:pt idx="1306">
                  <c:v>-6.4628929999999998E-15</c:v>
                </c:pt>
                <c:pt idx="1307">
                  <c:v>-8.588359E-15</c:v>
                </c:pt>
                <c:pt idx="1308">
                  <c:v>-7.7561719999999996E-15</c:v>
                </c:pt>
                <c:pt idx="1309">
                  <c:v>-2.8207120000000001E-15</c:v>
                </c:pt>
                <c:pt idx="1310">
                  <c:v>7.2571549999999999E-15</c:v>
                </c:pt>
                <c:pt idx="1311">
                  <c:v>1.948543E-14</c:v>
                </c:pt>
                <c:pt idx="1312">
                  <c:v>2.546715E-14</c:v>
                </c:pt>
                <c:pt idx="1313">
                  <c:v>2.0356469999999999E-14</c:v>
                </c:pt>
                <c:pt idx="1314">
                  <c:v>1.0056720000000001E-14</c:v>
                </c:pt>
                <c:pt idx="1315">
                  <c:v>4.107113E-15</c:v>
                </c:pt>
                <c:pt idx="1316">
                  <c:v>5.4750049999999999E-15</c:v>
                </c:pt>
                <c:pt idx="1317">
                  <c:v>1.046526E-14</c:v>
                </c:pt>
                <c:pt idx="1318">
                  <c:v>1.4738130000000001E-14</c:v>
                </c:pt>
                <c:pt idx="1319">
                  <c:v>1.6537370000000002E-14</c:v>
                </c:pt>
                <c:pt idx="1320">
                  <c:v>1.5911600000000001E-14</c:v>
                </c:pt>
                <c:pt idx="1321">
                  <c:v>1.3870690000000001E-14</c:v>
                </c:pt>
                <c:pt idx="1322">
                  <c:v>1.183921E-14</c:v>
                </c:pt>
                <c:pt idx="1323">
                  <c:v>1.046042E-14</c:v>
                </c:pt>
                <c:pt idx="1324">
                  <c:v>9.8607019999999999E-15</c:v>
                </c:pt>
                <c:pt idx="1325">
                  <c:v>9.8364749999999994E-15</c:v>
                </c:pt>
                <c:pt idx="1326">
                  <c:v>9.0161000000000007E-15</c:v>
                </c:pt>
                <c:pt idx="1327">
                  <c:v>6.5934679999999998E-15</c:v>
                </c:pt>
                <c:pt idx="1328">
                  <c:v>4.1285380000000002E-15</c:v>
                </c:pt>
                <c:pt idx="1329">
                  <c:v>3.3714250000000001E-15</c:v>
                </c:pt>
                <c:pt idx="1330">
                  <c:v>3.8932979999999999E-15</c:v>
                </c:pt>
                <c:pt idx="1331">
                  <c:v>3.993561E-15</c:v>
                </c:pt>
                <c:pt idx="1332">
                  <c:v>2.5974540000000001E-15</c:v>
                </c:pt>
                <c:pt idx="1333">
                  <c:v>-4.2984850000000003E-18</c:v>
                </c:pt>
                <c:pt idx="1334">
                  <c:v>-2.1027320000000002E-15</c:v>
                </c:pt>
                <c:pt idx="1335">
                  <c:v>-1.6714550000000001E-15</c:v>
                </c:pt>
                <c:pt idx="1336">
                  <c:v>1.5278359999999999E-15</c:v>
                </c:pt>
                <c:pt idx="1337">
                  <c:v>5.528122E-15</c:v>
                </c:pt>
                <c:pt idx="1338">
                  <c:v>7.9427410000000008E-15</c:v>
                </c:pt>
                <c:pt idx="1339">
                  <c:v>7.8036159999999995E-15</c:v>
                </c:pt>
                <c:pt idx="1340">
                  <c:v>6.0134620000000001E-15</c:v>
                </c:pt>
                <c:pt idx="1341">
                  <c:v>4.5883030000000003E-15</c:v>
                </c:pt>
                <c:pt idx="1342">
                  <c:v>5.9615890000000001E-15</c:v>
                </c:pt>
                <c:pt idx="1343">
                  <c:v>1.208724E-14</c:v>
                </c:pt>
                <c:pt idx="1344">
                  <c:v>2.1827449999999999E-14</c:v>
                </c:pt>
                <c:pt idx="1345">
                  <c:v>2.9446069999999998E-14</c:v>
                </c:pt>
                <c:pt idx="1346">
                  <c:v>2.9652370000000001E-14</c:v>
                </c:pt>
                <c:pt idx="1347">
                  <c:v>2.4117100000000001E-14</c:v>
                </c:pt>
                <c:pt idx="1348">
                  <c:v>1.8456690000000001E-14</c:v>
                </c:pt>
                <c:pt idx="1349">
                  <c:v>1.4696589999999998E-14</c:v>
                </c:pt>
                <c:pt idx="1350">
                  <c:v>1.140944E-14</c:v>
                </c:pt>
                <c:pt idx="1351">
                  <c:v>7.5147680000000008E-15</c:v>
                </c:pt>
                <c:pt idx="1352">
                  <c:v>2.9449620000000001E-15</c:v>
                </c:pt>
                <c:pt idx="1353">
                  <c:v>-8.4571690000000003E-16</c:v>
                </c:pt>
                <c:pt idx="1354">
                  <c:v>-1.6197920000000001E-15</c:v>
                </c:pt>
                <c:pt idx="1355">
                  <c:v>7.1533419999999996E-16</c:v>
                </c:pt>
                <c:pt idx="1356">
                  <c:v>4.178883E-15</c:v>
                </c:pt>
                <c:pt idx="1357">
                  <c:v>7.1616250000000005E-15</c:v>
                </c:pt>
                <c:pt idx="1358">
                  <c:v>9.1724450000000003E-15</c:v>
                </c:pt>
                <c:pt idx="1359">
                  <c:v>1.05772E-14</c:v>
                </c:pt>
                <c:pt idx="1360">
                  <c:v>1.19505E-14</c:v>
                </c:pt>
                <c:pt idx="1361">
                  <c:v>1.340505E-14</c:v>
                </c:pt>
                <c:pt idx="1362">
                  <c:v>1.4643589999999999E-14</c:v>
                </c:pt>
                <c:pt idx="1363">
                  <c:v>1.4468869999999999E-14</c:v>
                </c:pt>
                <c:pt idx="1364">
                  <c:v>1.171706E-14</c:v>
                </c:pt>
                <c:pt idx="1365">
                  <c:v>8.1658260000000003E-15</c:v>
                </c:pt>
                <c:pt idx="1366">
                  <c:v>7.03458E-15</c:v>
                </c:pt>
                <c:pt idx="1367">
                  <c:v>8.2554970000000007E-15</c:v>
                </c:pt>
                <c:pt idx="1368">
                  <c:v>9.3216589999999995E-15</c:v>
                </c:pt>
                <c:pt idx="1369">
                  <c:v>9.6929679999999998E-15</c:v>
                </c:pt>
                <c:pt idx="1370">
                  <c:v>1.0365E-14</c:v>
                </c:pt>
                <c:pt idx="1371">
                  <c:v>1.0442560000000001E-14</c:v>
                </c:pt>
                <c:pt idx="1372">
                  <c:v>8.4833310000000003E-15</c:v>
                </c:pt>
                <c:pt idx="1373">
                  <c:v>5.9071369999999997E-15</c:v>
                </c:pt>
                <c:pt idx="1374">
                  <c:v>4.8143660000000001E-15</c:v>
                </c:pt>
                <c:pt idx="1375">
                  <c:v>4.6845400000000002E-15</c:v>
                </c:pt>
                <c:pt idx="1376">
                  <c:v>4.4573610000000001E-15</c:v>
                </c:pt>
                <c:pt idx="1377">
                  <c:v>5.0274840000000003E-15</c:v>
                </c:pt>
                <c:pt idx="1378">
                  <c:v>7.04273E-15</c:v>
                </c:pt>
                <c:pt idx="1379">
                  <c:v>8.8381230000000004E-15</c:v>
                </c:pt>
                <c:pt idx="1380">
                  <c:v>8.720857E-15</c:v>
                </c:pt>
                <c:pt idx="1381">
                  <c:v>7.2140259999999993E-15</c:v>
                </c:pt>
                <c:pt idx="1382">
                  <c:v>5.7793240000000003E-15</c:v>
                </c:pt>
                <c:pt idx="1383">
                  <c:v>4.7817119999999998E-15</c:v>
                </c:pt>
                <c:pt idx="1384">
                  <c:v>3.8321239999999997E-15</c:v>
                </c:pt>
                <c:pt idx="1385">
                  <c:v>3.3889560000000001E-15</c:v>
                </c:pt>
                <c:pt idx="1386">
                  <c:v>5.0521620000000001E-15</c:v>
                </c:pt>
                <c:pt idx="1387">
                  <c:v>9.3582549999999993E-15</c:v>
                </c:pt>
                <c:pt idx="1388">
                  <c:v>1.3173E-14</c:v>
                </c:pt>
                <c:pt idx="1389">
                  <c:v>1.23243E-14</c:v>
                </c:pt>
                <c:pt idx="1390">
                  <c:v>7.0668289999999999E-15</c:v>
                </c:pt>
                <c:pt idx="1391">
                  <c:v>1.9004400000000002E-15</c:v>
                </c:pt>
                <c:pt idx="1392">
                  <c:v>1.361699E-15</c:v>
                </c:pt>
                <c:pt idx="1393">
                  <c:v>8.5111299999999999E-15</c:v>
                </c:pt>
                <c:pt idx="1394">
                  <c:v>2.829476E-14</c:v>
                </c:pt>
                <c:pt idx="1395">
                  <c:v>7.3679870000000006E-14</c:v>
                </c:pt>
                <c:pt idx="1396">
                  <c:v>1.6730439999999999E-13</c:v>
                </c:pt>
                <c:pt idx="1397">
                  <c:v>3.3343429999999998E-13</c:v>
                </c:pt>
                <c:pt idx="1398">
                  <c:v>5.8154850000000002E-13</c:v>
                </c:pt>
                <c:pt idx="1399">
                  <c:v>8.8773499999999995E-13</c:v>
                </c:pt>
                <c:pt idx="1400">
                  <c:v>1.1990060000000001E-12</c:v>
                </c:pt>
                <c:pt idx="1401">
                  <c:v>1.474799E-12</c:v>
                </c:pt>
                <c:pt idx="1402">
                  <c:v>1.7134989999999999E-12</c:v>
                </c:pt>
                <c:pt idx="1403">
                  <c:v>1.9223529999999999E-12</c:v>
                </c:pt>
                <c:pt idx="1404">
                  <c:v>2.087823E-12</c:v>
                </c:pt>
                <c:pt idx="1405">
                  <c:v>2.1881010000000001E-12</c:v>
                </c:pt>
                <c:pt idx="1406">
                  <c:v>2.2135440000000002E-12</c:v>
                </c:pt>
                <c:pt idx="1407">
                  <c:v>2.181342E-12</c:v>
                </c:pt>
                <c:pt idx="1408">
                  <c:v>2.1283490000000001E-12</c:v>
                </c:pt>
                <c:pt idx="1409">
                  <c:v>2.0694639999999998E-12</c:v>
                </c:pt>
                <c:pt idx="1410">
                  <c:v>1.9904170000000002E-12</c:v>
                </c:pt>
                <c:pt idx="1411">
                  <c:v>1.8946989999999998E-12</c:v>
                </c:pt>
                <c:pt idx="1412">
                  <c:v>1.8098470000000001E-12</c:v>
                </c:pt>
                <c:pt idx="1413">
                  <c:v>1.740354E-12</c:v>
                </c:pt>
                <c:pt idx="1414">
                  <c:v>1.657992E-12</c:v>
                </c:pt>
                <c:pt idx="1415">
                  <c:v>1.5369410000000001E-12</c:v>
                </c:pt>
                <c:pt idx="1416">
                  <c:v>1.3619129999999999E-12</c:v>
                </c:pt>
                <c:pt idx="1417">
                  <c:v>1.1190680000000001E-12</c:v>
                </c:pt>
                <c:pt idx="1418">
                  <c:v>8.244467E-13</c:v>
                </c:pt>
                <c:pt idx="1419">
                  <c:v>5.4318840000000002E-13</c:v>
                </c:pt>
                <c:pt idx="1420">
                  <c:v>3.4454570000000002E-13</c:v>
                </c:pt>
                <c:pt idx="1421">
                  <c:v>2.4899639999999999E-13</c:v>
                </c:pt>
                <c:pt idx="1422">
                  <c:v>2.266218E-13</c:v>
                </c:pt>
                <c:pt idx="1423">
                  <c:v>2.2977520000000001E-13</c:v>
                </c:pt>
                <c:pt idx="1424">
                  <c:v>2.256646E-13</c:v>
                </c:pt>
                <c:pt idx="1425">
                  <c:v>2.1104579999999999E-13</c:v>
                </c:pt>
                <c:pt idx="1426">
                  <c:v>2.008064E-13</c:v>
                </c:pt>
                <c:pt idx="1427">
                  <c:v>2.008779E-13</c:v>
                </c:pt>
                <c:pt idx="1428">
                  <c:v>1.9863320000000001E-13</c:v>
                </c:pt>
                <c:pt idx="1429">
                  <c:v>1.8142680000000001E-13</c:v>
                </c:pt>
                <c:pt idx="1430">
                  <c:v>1.5216469999999999E-13</c:v>
                </c:pt>
                <c:pt idx="1431">
                  <c:v>1.2229189999999999E-13</c:v>
                </c:pt>
                <c:pt idx="1432">
                  <c:v>9.7262099999999995E-14</c:v>
                </c:pt>
                <c:pt idx="1433">
                  <c:v>7.3601150000000004E-14</c:v>
                </c:pt>
                <c:pt idx="1434">
                  <c:v>4.8549509999999999E-14</c:v>
                </c:pt>
                <c:pt idx="1435">
                  <c:v>2.6336040000000001E-14</c:v>
                </c:pt>
                <c:pt idx="1436">
                  <c:v>1.255251E-14</c:v>
                </c:pt>
                <c:pt idx="1437">
                  <c:v>8.1800050000000003E-15</c:v>
                </c:pt>
                <c:pt idx="1438">
                  <c:v>1.03976E-14</c:v>
                </c:pt>
                <c:pt idx="1439">
                  <c:v>1.4601160000000002E-14</c:v>
                </c:pt>
                <c:pt idx="1440">
                  <c:v>1.6002510000000001E-14</c:v>
                </c:pt>
                <c:pt idx="1441">
                  <c:v>1.30967E-14</c:v>
                </c:pt>
                <c:pt idx="1442">
                  <c:v>9.5331690000000004E-15</c:v>
                </c:pt>
                <c:pt idx="1443">
                  <c:v>1.068678E-14</c:v>
                </c:pt>
                <c:pt idx="1444">
                  <c:v>1.8027989999999999E-14</c:v>
                </c:pt>
                <c:pt idx="1445">
                  <c:v>2.6402249999999999E-14</c:v>
                </c:pt>
                <c:pt idx="1446">
                  <c:v>2.869811E-14</c:v>
                </c:pt>
                <c:pt idx="1447">
                  <c:v>2.3309129999999999E-14</c:v>
                </c:pt>
                <c:pt idx="1448">
                  <c:v>1.4084650000000001E-14</c:v>
                </c:pt>
                <c:pt idx="1449">
                  <c:v>5.0562400000000003E-15</c:v>
                </c:pt>
                <c:pt idx="1450">
                  <c:v>-1.991242E-15</c:v>
                </c:pt>
                <c:pt idx="1451">
                  <c:v>-6.418288E-15</c:v>
                </c:pt>
                <c:pt idx="1452">
                  <c:v>-7.7446960000000005E-15</c:v>
                </c:pt>
                <c:pt idx="1453">
                  <c:v>-6.3858169999999998E-15</c:v>
                </c:pt>
                <c:pt idx="1454">
                  <c:v>-4.0298730000000004E-15</c:v>
                </c:pt>
                <c:pt idx="1455">
                  <c:v>-2.4838010000000001E-15</c:v>
                </c:pt>
                <c:pt idx="1456">
                  <c:v>-2.0134450000000001E-15</c:v>
                </c:pt>
                <c:pt idx="1457">
                  <c:v>-8.8617639999999999E-16</c:v>
                </c:pt>
                <c:pt idx="1458">
                  <c:v>2.512838E-15</c:v>
                </c:pt>
                <c:pt idx="1459">
                  <c:v>6.9087569999999996E-15</c:v>
                </c:pt>
                <c:pt idx="1460">
                  <c:v>9.0575469999999996E-15</c:v>
                </c:pt>
                <c:pt idx="1461">
                  <c:v>7.8258989999999998E-15</c:v>
                </c:pt>
                <c:pt idx="1462">
                  <c:v>5.419464E-15</c:v>
                </c:pt>
                <c:pt idx="1463">
                  <c:v>4.694049E-15</c:v>
                </c:pt>
                <c:pt idx="1464">
                  <c:v>6.9038399999999998E-15</c:v>
                </c:pt>
                <c:pt idx="1465">
                  <c:v>1.099401E-14</c:v>
                </c:pt>
                <c:pt idx="1466">
                  <c:v>1.4027249999999999E-14</c:v>
                </c:pt>
                <c:pt idx="1467">
                  <c:v>1.396089E-14</c:v>
                </c:pt>
                <c:pt idx="1468">
                  <c:v>1.170241E-14</c:v>
                </c:pt>
                <c:pt idx="1469">
                  <c:v>8.8168489999999999E-15</c:v>
                </c:pt>
                <c:pt idx="1470">
                  <c:v>5.8039350000000003E-15</c:v>
                </c:pt>
                <c:pt idx="1471">
                  <c:v>3.7470649999999997E-15</c:v>
                </c:pt>
                <c:pt idx="1472">
                  <c:v>4.0297080000000001E-15</c:v>
                </c:pt>
                <c:pt idx="1473">
                  <c:v>6.1481039999999999E-15</c:v>
                </c:pt>
                <c:pt idx="1474">
                  <c:v>8.3570550000000003E-15</c:v>
                </c:pt>
                <c:pt idx="1475">
                  <c:v>9.1110819999999994E-15</c:v>
                </c:pt>
                <c:pt idx="1476">
                  <c:v>7.1991320000000003E-15</c:v>
                </c:pt>
                <c:pt idx="1477">
                  <c:v>3.1772729999999999E-15</c:v>
                </c:pt>
                <c:pt idx="1478">
                  <c:v>-3.8306859999999999E-16</c:v>
                </c:pt>
                <c:pt idx="1479">
                  <c:v>-2.0980589999999998E-15</c:v>
                </c:pt>
                <c:pt idx="1480">
                  <c:v>-2.6888950000000001E-15</c:v>
                </c:pt>
                <c:pt idx="1481">
                  <c:v>-2.277178E-15</c:v>
                </c:pt>
                <c:pt idx="1482">
                  <c:v>-2.1523359999999999E-16</c:v>
                </c:pt>
                <c:pt idx="1483">
                  <c:v>2.5765109999999999E-15</c:v>
                </c:pt>
                <c:pt idx="1484">
                  <c:v>4.311745E-15</c:v>
                </c:pt>
                <c:pt idx="1485">
                  <c:v>5.0491770000000003E-15</c:v>
                </c:pt>
                <c:pt idx="1486">
                  <c:v>6.7439940000000002E-15</c:v>
                </c:pt>
                <c:pt idx="1487">
                  <c:v>1.048147E-14</c:v>
                </c:pt>
                <c:pt idx="1488">
                  <c:v>1.398713E-14</c:v>
                </c:pt>
                <c:pt idx="1489">
                  <c:v>1.330429E-14</c:v>
                </c:pt>
                <c:pt idx="1490">
                  <c:v>7.9818860000000007E-15</c:v>
                </c:pt>
                <c:pt idx="1491">
                  <c:v>2.2823289999999999E-15</c:v>
                </c:pt>
                <c:pt idx="1492">
                  <c:v>1.5533200000000001E-16</c:v>
                </c:pt>
                <c:pt idx="1493">
                  <c:v>1.8528610000000001E-15</c:v>
                </c:pt>
                <c:pt idx="1494">
                  <c:v>6.0511809999999997E-15</c:v>
                </c:pt>
                <c:pt idx="1495">
                  <c:v>1.100337E-14</c:v>
                </c:pt>
                <c:pt idx="1496">
                  <c:v>1.3094260000000001E-14</c:v>
                </c:pt>
                <c:pt idx="1497">
                  <c:v>9.956342E-15</c:v>
                </c:pt>
                <c:pt idx="1498">
                  <c:v>4.6540549999999999E-15</c:v>
                </c:pt>
                <c:pt idx="1499">
                  <c:v>1.973795E-15</c:v>
                </c:pt>
                <c:pt idx="1500">
                  <c:v>3.0363500000000001E-15</c:v>
                </c:pt>
                <c:pt idx="1501">
                  <c:v>6.065384E-15</c:v>
                </c:pt>
                <c:pt idx="1502">
                  <c:v>9.0539019999999995E-15</c:v>
                </c:pt>
                <c:pt idx="1503">
                  <c:v>1.0988590000000001E-14</c:v>
                </c:pt>
                <c:pt idx="1504">
                  <c:v>1.198091E-14</c:v>
                </c:pt>
                <c:pt idx="1505">
                  <c:v>1.166484E-14</c:v>
                </c:pt>
                <c:pt idx="1506">
                  <c:v>9.0101690000000004E-15</c:v>
                </c:pt>
                <c:pt idx="1507">
                  <c:v>4.7999290000000001E-15</c:v>
                </c:pt>
                <c:pt idx="1508">
                  <c:v>1.332702E-15</c:v>
                </c:pt>
                <c:pt idx="1509">
                  <c:v>-9.5062839999999992E-16</c:v>
                </c:pt>
                <c:pt idx="1510">
                  <c:v>-3.5254590000000001E-15</c:v>
                </c:pt>
                <c:pt idx="1511">
                  <c:v>-6.4594719999999997E-15</c:v>
                </c:pt>
                <c:pt idx="1512">
                  <c:v>-7.6029919999999998E-15</c:v>
                </c:pt>
                <c:pt idx="1513">
                  <c:v>-5.512077E-15</c:v>
                </c:pt>
                <c:pt idx="1514">
                  <c:v>-1.7972150000000002E-15</c:v>
                </c:pt>
                <c:pt idx="1515">
                  <c:v>4.6328380000000001E-16</c:v>
                </c:pt>
                <c:pt idx="1516">
                  <c:v>1.241521E-16</c:v>
                </c:pt>
                <c:pt idx="1517">
                  <c:v>-1.4533290000000001E-15</c:v>
                </c:pt>
                <c:pt idx="1518">
                  <c:v>-2.7981219999999998E-15</c:v>
                </c:pt>
                <c:pt idx="1519">
                  <c:v>-3.692044E-15</c:v>
                </c:pt>
                <c:pt idx="1520">
                  <c:v>-4.4612860000000003E-15</c:v>
                </c:pt>
                <c:pt idx="1521">
                  <c:v>-5.4193530000000002E-15</c:v>
                </c:pt>
                <c:pt idx="1522">
                  <c:v>-6.5020289999999999E-15</c:v>
                </c:pt>
                <c:pt idx="1523">
                  <c:v>-6.6427140000000003E-15</c:v>
                </c:pt>
                <c:pt idx="1524">
                  <c:v>-4.4622770000000002E-15</c:v>
                </c:pt>
                <c:pt idx="1525">
                  <c:v>-2.5422619999999999E-16</c:v>
                </c:pt>
                <c:pt idx="1526">
                  <c:v>3.7545020000000002E-15</c:v>
                </c:pt>
                <c:pt idx="1527">
                  <c:v>5.3070980000000002E-15</c:v>
                </c:pt>
                <c:pt idx="1528">
                  <c:v>3.5906150000000001E-15</c:v>
                </c:pt>
                <c:pt idx="1529">
                  <c:v>-4.201194E-17</c:v>
                </c:pt>
                <c:pt idx="1530">
                  <c:v>-2.7647200000000001E-15</c:v>
                </c:pt>
                <c:pt idx="1531">
                  <c:v>-2.9557459999999999E-15</c:v>
                </c:pt>
                <c:pt idx="1532">
                  <c:v>-1.8714249999999998E-15</c:v>
                </c:pt>
                <c:pt idx="1533">
                  <c:v>-1.9638929999999999E-15</c:v>
                </c:pt>
                <c:pt idx="1534">
                  <c:v>-3.2847859999999998E-15</c:v>
                </c:pt>
                <c:pt idx="1535">
                  <c:v>-2.982843E-15</c:v>
                </c:pt>
                <c:pt idx="1536">
                  <c:v>4.3344169999999999E-16</c:v>
                </c:pt>
                <c:pt idx="1537">
                  <c:v>4.794426E-15</c:v>
                </c:pt>
                <c:pt idx="1538">
                  <c:v>7.5772919999999994E-15</c:v>
                </c:pt>
                <c:pt idx="1539">
                  <c:v>8.6476470000000006E-15</c:v>
                </c:pt>
                <c:pt idx="1540">
                  <c:v>8.8154059999999993E-15</c:v>
                </c:pt>
                <c:pt idx="1541">
                  <c:v>8.5306420000000005E-15</c:v>
                </c:pt>
                <c:pt idx="1542">
                  <c:v>8.2000499999999996E-15</c:v>
                </c:pt>
                <c:pt idx="1543">
                  <c:v>7.5439479999999994E-15</c:v>
                </c:pt>
                <c:pt idx="1544">
                  <c:v>5.7883420000000001E-15</c:v>
                </c:pt>
                <c:pt idx="1545">
                  <c:v>3.7365770000000002E-15</c:v>
                </c:pt>
                <c:pt idx="1546">
                  <c:v>3.0241899999999999E-15</c:v>
                </c:pt>
                <c:pt idx="1547">
                  <c:v>3.185442E-15</c:v>
                </c:pt>
                <c:pt idx="1548">
                  <c:v>2.328335E-15</c:v>
                </c:pt>
                <c:pt idx="1549">
                  <c:v>-6.3909339999999995E-17</c:v>
                </c:pt>
                <c:pt idx="1550">
                  <c:v>-2.89622E-15</c:v>
                </c:pt>
                <c:pt idx="1551">
                  <c:v>-5.1175960000000001E-15</c:v>
                </c:pt>
                <c:pt idx="1552">
                  <c:v>-6.6684290000000003E-15</c:v>
                </c:pt>
                <c:pt idx="1553">
                  <c:v>-7.3101749999999993E-15</c:v>
                </c:pt>
                <c:pt idx="1554">
                  <c:v>-5.5755080000000001E-15</c:v>
                </c:pt>
                <c:pt idx="1555">
                  <c:v>-1.2292190000000001E-15</c:v>
                </c:pt>
                <c:pt idx="1556">
                  <c:v>2.699869E-15</c:v>
                </c:pt>
                <c:pt idx="1557">
                  <c:v>2.8545660000000001E-15</c:v>
                </c:pt>
                <c:pt idx="1558">
                  <c:v>-3.4586839999999998E-16</c:v>
                </c:pt>
                <c:pt idx="1559">
                  <c:v>-3.3703430000000001E-15</c:v>
                </c:pt>
                <c:pt idx="1560">
                  <c:v>-4.2710430000000003E-15</c:v>
                </c:pt>
                <c:pt idx="1561">
                  <c:v>-4.243178E-15</c:v>
                </c:pt>
                <c:pt idx="1562">
                  <c:v>-4.3411400000000002E-15</c:v>
                </c:pt>
                <c:pt idx="1563">
                  <c:v>-4.1449669999999997E-15</c:v>
                </c:pt>
                <c:pt idx="1564">
                  <c:v>-3.7657800000000002E-15</c:v>
                </c:pt>
                <c:pt idx="1565">
                  <c:v>-3.9309690000000002E-15</c:v>
                </c:pt>
                <c:pt idx="1566">
                  <c:v>-4.278038E-15</c:v>
                </c:pt>
                <c:pt idx="1567">
                  <c:v>-3.7456E-15</c:v>
                </c:pt>
                <c:pt idx="1568">
                  <c:v>-2.6571790000000001E-15</c:v>
                </c:pt>
                <c:pt idx="1569">
                  <c:v>-2.700925E-15</c:v>
                </c:pt>
                <c:pt idx="1570">
                  <c:v>-4.0267519999999998E-15</c:v>
                </c:pt>
                <c:pt idx="1571">
                  <c:v>-4.550645E-15</c:v>
                </c:pt>
                <c:pt idx="1572">
                  <c:v>-3.0977070000000001E-15</c:v>
                </c:pt>
                <c:pt idx="1573">
                  <c:v>-6.7693299999999999E-16</c:v>
                </c:pt>
                <c:pt idx="1574">
                  <c:v>1.4534349999999999E-15</c:v>
                </c:pt>
                <c:pt idx="1575">
                  <c:v>2.866528E-15</c:v>
                </c:pt>
                <c:pt idx="1576">
                  <c:v>3.350101E-15</c:v>
                </c:pt>
                <c:pt idx="1577">
                  <c:v>2.7315360000000001E-15</c:v>
                </c:pt>
                <c:pt idx="1578">
                  <c:v>1.383735E-15</c:v>
                </c:pt>
                <c:pt idx="1579">
                  <c:v>7.8385159999999999E-17</c:v>
                </c:pt>
                <c:pt idx="1580">
                  <c:v>-2.4196989999999998E-16</c:v>
                </c:pt>
                <c:pt idx="1581">
                  <c:v>1.2643140000000001E-15</c:v>
                </c:pt>
                <c:pt idx="1582">
                  <c:v>4.1002099999999996E-15</c:v>
                </c:pt>
                <c:pt idx="1583">
                  <c:v>6.4057449999999997E-15</c:v>
                </c:pt>
                <c:pt idx="1584">
                  <c:v>7.2663909999999999E-15</c:v>
                </c:pt>
                <c:pt idx="1585">
                  <c:v>7.6466390000000001E-15</c:v>
                </c:pt>
                <c:pt idx="1586">
                  <c:v>8.1581449999999996E-15</c:v>
                </c:pt>
                <c:pt idx="1587">
                  <c:v>7.6458609999999998E-15</c:v>
                </c:pt>
                <c:pt idx="1588">
                  <c:v>5.6848689999999998E-15</c:v>
                </c:pt>
                <c:pt idx="1589">
                  <c:v>4.7868500000000001E-15</c:v>
                </c:pt>
                <c:pt idx="1590">
                  <c:v>7.1030209999999998E-15</c:v>
                </c:pt>
                <c:pt idx="1591">
                  <c:v>1.0255219999999999E-14</c:v>
                </c:pt>
                <c:pt idx="1592">
                  <c:v>1.0071600000000001E-14</c:v>
                </c:pt>
                <c:pt idx="1593">
                  <c:v>5.9477889999999997E-15</c:v>
                </c:pt>
                <c:pt idx="1594">
                  <c:v>7.0168279999999998E-16</c:v>
                </c:pt>
                <c:pt idx="1595">
                  <c:v>-3.0708790000000001E-15</c:v>
                </c:pt>
                <c:pt idx="1596">
                  <c:v>-4.7921539999999997E-15</c:v>
                </c:pt>
                <c:pt idx="1597">
                  <c:v>-4.7396879999999999E-15</c:v>
                </c:pt>
                <c:pt idx="1598">
                  <c:v>-2.4735760000000002E-15</c:v>
                </c:pt>
                <c:pt idx="1599">
                  <c:v>2.5480029999999998E-15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0-1498-48DF-86D2-F012F68E48E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040071936"/>
        <c:axId val="1038443968"/>
        <c:extLst>
          <c:ext xmlns:c15="http://schemas.microsoft.com/office/drawing/2012/chart" uri="{02D57815-91ED-43cb-92C2-25804820EDAC}">
            <c15:filteredScatterSeries>
              <c15:ser>
                <c:idx val="1"/>
                <c:order val="1"/>
                <c:tx>
                  <c:strRef>
                    <c:extLst>
                      <c:ext uri="{02D57815-91ED-43cb-92C2-25804820EDAC}">
                        <c15:formulaRef>
                          <c15:sqref>'20260119 112857 SCAN SEM PERLEC'!$N$4</c15:sqref>
                        </c15:formulaRef>
                      </c:ext>
                    </c:extLst>
                    <c:strCache>
                      <c:ptCount val="1"/>
                      <c:pt idx="0">
                        <c:v>Scan2</c:v>
                      </c:pt>
                    </c:strCache>
                  </c:strRef>
                </c:tx>
                <c:spPr>
                  <a:ln w="12700" cap="rnd">
                    <a:solidFill>
                      <a:schemeClr val="accent2"/>
                    </a:solidFill>
                    <a:round/>
                  </a:ln>
                  <a:effectLst/>
                </c:spPr>
                <c:marker>
                  <c:symbol val="none"/>
                </c:marker>
                <c:xVal>
                  <c:numRef>
                    <c:extLst>
                      <c:ext uri="{02D57815-91ED-43cb-92C2-25804820EDAC}">
                        <c15:formulaRef>
                          <c15:sqref>'20260119 112857 SCAN SEM PERLEC'!$M$11:$M$1610</c15:sqref>
                        </c15:formulaRef>
                      </c:ext>
                    </c:extLst>
                    <c:numCache>
                      <c:formatCode>General</c:formatCode>
                      <c:ptCount val="1600"/>
                      <c:pt idx="0">
                        <c:v>0</c:v>
                      </c:pt>
                      <c:pt idx="1">
                        <c:v>0.03</c:v>
                      </c:pt>
                      <c:pt idx="2">
                        <c:v>0.06</c:v>
                      </c:pt>
                      <c:pt idx="3">
                        <c:v>0.09</c:v>
                      </c:pt>
                      <c:pt idx="4">
                        <c:v>0.13</c:v>
                      </c:pt>
                      <c:pt idx="5">
                        <c:v>0.16</c:v>
                      </c:pt>
                      <c:pt idx="6">
                        <c:v>0.19</c:v>
                      </c:pt>
                      <c:pt idx="7">
                        <c:v>0.22</c:v>
                      </c:pt>
                      <c:pt idx="8">
                        <c:v>0.25</c:v>
                      </c:pt>
                      <c:pt idx="9">
                        <c:v>0.28000000000000003</c:v>
                      </c:pt>
                      <c:pt idx="10">
                        <c:v>0.31</c:v>
                      </c:pt>
                      <c:pt idx="11">
                        <c:v>0.34</c:v>
                      </c:pt>
                      <c:pt idx="12">
                        <c:v>0.38</c:v>
                      </c:pt>
                      <c:pt idx="13">
                        <c:v>0.41</c:v>
                      </c:pt>
                      <c:pt idx="14">
                        <c:v>0.44</c:v>
                      </c:pt>
                      <c:pt idx="15">
                        <c:v>0.47</c:v>
                      </c:pt>
                      <c:pt idx="16">
                        <c:v>0.5</c:v>
                      </c:pt>
                      <c:pt idx="17">
                        <c:v>0.53</c:v>
                      </c:pt>
                      <c:pt idx="18">
                        <c:v>0.56000000000000005</c:v>
                      </c:pt>
                      <c:pt idx="19">
                        <c:v>0.59</c:v>
                      </c:pt>
                      <c:pt idx="20">
                        <c:v>0.63</c:v>
                      </c:pt>
                      <c:pt idx="21">
                        <c:v>0.66</c:v>
                      </c:pt>
                      <c:pt idx="22">
                        <c:v>0.69</c:v>
                      </c:pt>
                      <c:pt idx="23">
                        <c:v>0.72</c:v>
                      </c:pt>
                      <c:pt idx="24">
                        <c:v>0.75</c:v>
                      </c:pt>
                      <c:pt idx="25">
                        <c:v>0.78</c:v>
                      </c:pt>
                      <c:pt idx="26">
                        <c:v>0.81</c:v>
                      </c:pt>
                      <c:pt idx="27">
                        <c:v>0.84</c:v>
                      </c:pt>
                      <c:pt idx="28">
                        <c:v>0.88</c:v>
                      </c:pt>
                      <c:pt idx="29">
                        <c:v>0.91</c:v>
                      </c:pt>
                      <c:pt idx="30">
                        <c:v>0.94</c:v>
                      </c:pt>
                      <c:pt idx="31">
                        <c:v>0.97</c:v>
                      </c:pt>
                      <c:pt idx="32">
                        <c:v>1</c:v>
                      </c:pt>
                      <c:pt idx="33">
                        <c:v>1.03</c:v>
                      </c:pt>
                      <c:pt idx="34">
                        <c:v>1.06</c:v>
                      </c:pt>
                      <c:pt idx="35">
                        <c:v>1.0900000000000001</c:v>
                      </c:pt>
                      <c:pt idx="36">
                        <c:v>1.1299999999999999</c:v>
                      </c:pt>
                      <c:pt idx="37">
                        <c:v>1.1599999999999999</c:v>
                      </c:pt>
                      <c:pt idx="38">
                        <c:v>1.19</c:v>
                      </c:pt>
                      <c:pt idx="39">
                        <c:v>1.22</c:v>
                      </c:pt>
                      <c:pt idx="40">
                        <c:v>1.25</c:v>
                      </c:pt>
                      <c:pt idx="41">
                        <c:v>1.28</c:v>
                      </c:pt>
                      <c:pt idx="42">
                        <c:v>1.31</c:v>
                      </c:pt>
                      <c:pt idx="43">
                        <c:v>1.34</c:v>
                      </c:pt>
                      <c:pt idx="44">
                        <c:v>1.38</c:v>
                      </c:pt>
                      <c:pt idx="45">
                        <c:v>1.41</c:v>
                      </c:pt>
                      <c:pt idx="46">
                        <c:v>1.44</c:v>
                      </c:pt>
                      <c:pt idx="47">
                        <c:v>1.47</c:v>
                      </c:pt>
                      <c:pt idx="48">
                        <c:v>1.5</c:v>
                      </c:pt>
                      <c:pt idx="49">
                        <c:v>1.53</c:v>
                      </c:pt>
                      <c:pt idx="50">
                        <c:v>1.56</c:v>
                      </c:pt>
                      <c:pt idx="51">
                        <c:v>1.59</c:v>
                      </c:pt>
                      <c:pt idx="52">
                        <c:v>1.63</c:v>
                      </c:pt>
                      <c:pt idx="53">
                        <c:v>1.66</c:v>
                      </c:pt>
                      <c:pt idx="54">
                        <c:v>1.69</c:v>
                      </c:pt>
                      <c:pt idx="55">
                        <c:v>1.72</c:v>
                      </c:pt>
                      <c:pt idx="56">
                        <c:v>1.75</c:v>
                      </c:pt>
                      <c:pt idx="57">
                        <c:v>1.78</c:v>
                      </c:pt>
                      <c:pt idx="58">
                        <c:v>1.81</c:v>
                      </c:pt>
                      <c:pt idx="59">
                        <c:v>1.84</c:v>
                      </c:pt>
                      <c:pt idx="60">
                        <c:v>1.88</c:v>
                      </c:pt>
                      <c:pt idx="61">
                        <c:v>1.91</c:v>
                      </c:pt>
                      <c:pt idx="62">
                        <c:v>1.94</c:v>
                      </c:pt>
                      <c:pt idx="63">
                        <c:v>1.97</c:v>
                      </c:pt>
                      <c:pt idx="64">
                        <c:v>2</c:v>
                      </c:pt>
                      <c:pt idx="65">
                        <c:v>2.0299999999999998</c:v>
                      </c:pt>
                      <c:pt idx="66">
                        <c:v>2.06</c:v>
                      </c:pt>
                      <c:pt idx="67">
                        <c:v>2.09</c:v>
                      </c:pt>
                      <c:pt idx="68">
                        <c:v>2.13</c:v>
                      </c:pt>
                      <c:pt idx="69">
                        <c:v>2.16</c:v>
                      </c:pt>
                      <c:pt idx="70">
                        <c:v>2.19</c:v>
                      </c:pt>
                      <c:pt idx="71">
                        <c:v>2.2200000000000002</c:v>
                      </c:pt>
                      <c:pt idx="72">
                        <c:v>2.25</c:v>
                      </c:pt>
                      <c:pt idx="73">
                        <c:v>2.2799999999999998</c:v>
                      </c:pt>
                      <c:pt idx="74">
                        <c:v>2.31</c:v>
                      </c:pt>
                      <c:pt idx="75">
                        <c:v>2.34</c:v>
                      </c:pt>
                      <c:pt idx="76">
                        <c:v>2.38</c:v>
                      </c:pt>
                      <c:pt idx="77">
                        <c:v>2.41</c:v>
                      </c:pt>
                      <c:pt idx="78">
                        <c:v>2.44</c:v>
                      </c:pt>
                      <c:pt idx="79">
                        <c:v>2.4700000000000002</c:v>
                      </c:pt>
                      <c:pt idx="80">
                        <c:v>2.5</c:v>
                      </c:pt>
                      <c:pt idx="81">
                        <c:v>2.5299999999999998</c:v>
                      </c:pt>
                      <c:pt idx="82">
                        <c:v>2.56</c:v>
                      </c:pt>
                      <c:pt idx="83">
                        <c:v>2.59</c:v>
                      </c:pt>
                      <c:pt idx="84">
                        <c:v>2.63</c:v>
                      </c:pt>
                      <c:pt idx="85">
                        <c:v>2.66</c:v>
                      </c:pt>
                      <c:pt idx="86">
                        <c:v>2.69</c:v>
                      </c:pt>
                      <c:pt idx="87">
                        <c:v>2.72</c:v>
                      </c:pt>
                      <c:pt idx="88">
                        <c:v>2.75</c:v>
                      </c:pt>
                      <c:pt idx="89">
                        <c:v>2.78</c:v>
                      </c:pt>
                      <c:pt idx="90">
                        <c:v>2.81</c:v>
                      </c:pt>
                      <c:pt idx="91">
                        <c:v>2.84</c:v>
                      </c:pt>
                      <c:pt idx="92">
                        <c:v>2.88</c:v>
                      </c:pt>
                      <c:pt idx="93">
                        <c:v>2.91</c:v>
                      </c:pt>
                      <c:pt idx="94">
                        <c:v>2.94</c:v>
                      </c:pt>
                      <c:pt idx="95">
                        <c:v>2.97</c:v>
                      </c:pt>
                      <c:pt idx="96">
                        <c:v>3</c:v>
                      </c:pt>
                      <c:pt idx="97">
                        <c:v>3.03</c:v>
                      </c:pt>
                      <c:pt idx="98">
                        <c:v>3.06</c:v>
                      </c:pt>
                      <c:pt idx="99">
                        <c:v>3.09</c:v>
                      </c:pt>
                      <c:pt idx="100">
                        <c:v>3.13</c:v>
                      </c:pt>
                      <c:pt idx="101">
                        <c:v>3.16</c:v>
                      </c:pt>
                      <c:pt idx="102">
                        <c:v>3.19</c:v>
                      </c:pt>
                      <c:pt idx="103">
                        <c:v>3.22</c:v>
                      </c:pt>
                      <c:pt idx="104">
                        <c:v>3.25</c:v>
                      </c:pt>
                      <c:pt idx="105">
                        <c:v>3.28</c:v>
                      </c:pt>
                      <c:pt idx="106">
                        <c:v>3.31</c:v>
                      </c:pt>
                      <c:pt idx="107">
                        <c:v>3.34</c:v>
                      </c:pt>
                      <c:pt idx="108">
                        <c:v>3.38</c:v>
                      </c:pt>
                      <c:pt idx="109">
                        <c:v>3.41</c:v>
                      </c:pt>
                      <c:pt idx="110">
                        <c:v>3.44</c:v>
                      </c:pt>
                      <c:pt idx="111">
                        <c:v>3.47</c:v>
                      </c:pt>
                      <c:pt idx="112">
                        <c:v>3.5</c:v>
                      </c:pt>
                      <c:pt idx="113">
                        <c:v>3.53</c:v>
                      </c:pt>
                      <c:pt idx="114">
                        <c:v>3.56</c:v>
                      </c:pt>
                      <c:pt idx="115">
                        <c:v>3.59</c:v>
                      </c:pt>
                      <c:pt idx="116">
                        <c:v>3.63</c:v>
                      </c:pt>
                      <c:pt idx="117">
                        <c:v>3.66</c:v>
                      </c:pt>
                      <c:pt idx="118">
                        <c:v>3.69</c:v>
                      </c:pt>
                      <c:pt idx="119">
                        <c:v>3.72</c:v>
                      </c:pt>
                      <c:pt idx="120">
                        <c:v>3.75</c:v>
                      </c:pt>
                      <c:pt idx="121">
                        <c:v>3.78</c:v>
                      </c:pt>
                      <c:pt idx="122">
                        <c:v>3.81</c:v>
                      </c:pt>
                      <c:pt idx="123">
                        <c:v>3.84</c:v>
                      </c:pt>
                      <c:pt idx="124">
                        <c:v>3.88</c:v>
                      </c:pt>
                      <c:pt idx="125">
                        <c:v>3.91</c:v>
                      </c:pt>
                      <c:pt idx="126">
                        <c:v>3.94</c:v>
                      </c:pt>
                      <c:pt idx="127">
                        <c:v>3.97</c:v>
                      </c:pt>
                      <c:pt idx="128">
                        <c:v>4</c:v>
                      </c:pt>
                      <c:pt idx="129">
                        <c:v>4.03</c:v>
                      </c:pt>
                      <c:pt idx="130">
                        <c:v>4.0599999999999996</c:v>
                      </c:pt>
                      <c:pt idx="131">
                        <c:v>4.09</c:v>
                      </c:pt>
                      <c:pt idx="132">
                        <c:v>4.13</c:v>
                      </c:pt>
                      <c:pt idx="133">
                        <c:v>4.16</c:v>
                      </c:pt>
                      <c:pt idx="134">
                        <c:v>4.1900000000000004</c:v>
                      </c:pt>
                      <c:pt idx="135">
                        <c:v>4.22</c:v>
                      </c:pt>
                      <c:pt idx="136">
                        <c:v>4.25</c:v>
                      </c:pt>
                      <c:pt idx="137">
                        <c:v>4.28</c:v>
                      </c:pt>
                      <c:pt idx="138">
                        <c:v>4.3099999999999996</c:v>
                      </c:pt>
                      <c:pt idx="139">
                        <c:v>4.34</c:v>
                      </c:pt>
                      <c:pt idx="140">
                        <c:v>4.38</c:v>
                      </c:pt>
                      <c:pt idx="141">
                        <c:v>4.41</c:v>
                      </c:pt>
                      <c:pt idx="142">
                        <c:v>4.4400000000000004</c:v>
                      </c:pt>
                      <c:pt idx="143">
                        <c:v>4.47</c:v>
                      </c:pt>
                      <c:pt idx="144">
                        <c:v>4.5</c:v>
                      </c:pt>
                      <c:pt idx="145">
                        <c:v>4.53</c:v>
                      </c:pt>
                      <c:pt idx="146">
                        <c:v>4.5599999999999996</c:v>
                      </c:pt>
                      <c:pt idx="147">
                        <c:v>4.59</c:v>
                      </c:pt>
                      <c:pt idx="148">
                        <c:v>4.63</c:v>
                      </c:pt>
                      <c:pt idx="149">
                        <c:v>4.66</c:v>
                      </c:pt>
                      <c:pt idx="150">
                        <c:v>4.6900000000000004</c:v>
                      </c:pt>
                      <c:pt idx="151">
                        <c:v>4.72</c:v>
                      </c:pt>
                      <c:pt idx="152">
                        <c:v>4.75</c:v>
                      </c:pt>
                      <c:pt idx="153">
                        <c:v>4.78</c:v>
                      </c:pt>
                      <c:pt idx="154">
                        <c:v>4.8099999999999996</c:v>
                      </c:pt>
                      <c:pt idx="155">
                        <c:v>4.84</c:v>
                      </c:pt>
                      <c:pt idx="156">
                        <c:v>4.88</c:v>
                      </c:pt>
                      <c:pt idx="157">
                        <c:v>4.91</c:v>
                      </c:pt>
                      <c:pt idx="158">
                        <c:v>4.9400000000000004</c:v>
                      </c:pt>
                      <c:pt idx="159">
                        <c:v>4.97</c:v>
                      </c:pt>
                      <c:pt idx="160">
                        <c:v>5</c:v>
                      </c:pt>
                      <c:pt idx="161">
                        <c:v>5.03</c:v>
                      </c:pt>
                      <c:pt idx="162">
                        <c:v>5.0599999999999996</c:v>
                      </c:pt>
                      <c:pt idx="163">
                        <c:v>5.09</c:v>
                      </c:pt>
                      <c:pt idx="164">
                        <c:v>5.13</c:v>
                      </c:pt>
                      <c:pt idx="165">
                        <c:v>5.16</c:v>
                      </c:pt>
                      <c:pt idx="166">
                        <c:v>5.19</c:v>
                      </c:pt>
                      <c:pt idx="167">
                        <c:v>5.22</c:v>
                      </c:pt>
                      <c:pt idx="168">
                        <c:v>5.25</c:v>
                      </c:pt>
                      <c:pt idx="169">
                        <c:v>5.28</c:v>
                      </c:pt>
                      <c:pt idx="170">
                        <c:v>5.31</c:v>
                      </c:pt>
                      <c:pt idx="171">
                        <c:v>5.34</c:v>
                      </c:pt>
                      <c:pt idx="172">
                        <c:v>5.38</c:v>
                      </c:pt>
                      <c:pt idx="173">
                        <c:v>5.41</c:v>
                      </c:pt>
                      <c:pt idx="174">
                        <c:v>5.44</c:v>
                      </c:pt>
                      <c:pt idx="175">
                        <c:v>5.47</c:v>
                      </c:pt>
                      <c:pt idx="176">
                        <c:v>5.5</c:v>
                      </c:pt>
                      <c:pt idx="177">
                        <c:v>5.53</c:v>
                      </c:pt>
                      <c:pt idx="178">
                        <c:v>5.56</c:v>
                      </c:pt>
                      <c:pt idx="179">
                        <c:v>5.59</c:v>
                      </c:pt>
                      <c:pt idx="180">
                        <c:v>5.63</c:v>
                      </c:pt>
                      <c:pt idx="181">
                        <c:v>5.66</c:v>
                      </c:pt>
                      <c:pt idx="182">
                        <c:v>5.69</c:v>
                      </c:pt>
                      <c:pt idx="183">
                        <c:v>5.72</c:v>
                      </c:pt>
                      <c:pt idx="184">
                        <c:v>5.75</c:v>
                      </c:pt>
                      <c:pt idx="185">
                        <c:v>5.78</c:v>
                      </c:pt>
                      <c:pt idx="186">
                        <c:v>5.81</c:v>
                      </c:pt>
                      <c:pt idx="187">
                        <c:v>5.84</c:v>
                      </c:pt>
                      <c:pt idx="188">
                        <c:v>5.88</c:v>
                      </c:pt>
                      <c:pt idx="189">
                        <c:v>5.91</c:v>
                      </c:pt>
                      <c:pt idx="190">
                        <c:v>5.94</c:v>
                      </c:pt>
                      <c:pt idx="191">
                        <c:v>5.97</c:v>
                      </c:pt>
                      <c:pt idx="192">
                        <c:v>6</c:v>
                      </c:pt>
                      <c:pt idx="193">
                        <c:v>6.03</c:v>
                      </c:pt>
                      <c:pt idx="194">
                        <c:v>6.06</c:v>
                      </c:pt>
                      <c:pt idx="195">
                        <c:v>6.09</c:v>
                      </c:pt>
                      <c:pt idx="196">
                        <c:v>6.13</c:v>
                      </c:pt>
                      <c:pt idx="197">
                        <c:v>6.16</c:v>
                      </c:pt>
                      <c:pt idx="198">
                        <c:v>6.19</c:v>
                      </c:pt>
                      <c:pt idx="199">
                        <c:v>6.22</c:v>
                      </c:pt>
                      <c:pt idx="200">
                        <c:v>6.25</c:v>
                      </c:pt>
                      <c:pt idx="201">
                        <c:v>6.28</c:v>
                      </c:pt>
                      <c:pt idx="202">
                        <c:v>6.31</c:v>
                      </c:pt>
                      <c:pt idx="203">
                        <c:v>6.34</c:v>
                      </c:pt>
                      <c:pt idx="204">
                        <c:v>6.38</c:v>
                      </c:pt>
                      <c:pt idx="205">
                        <c:v>6.41</c:v>
                      </c:pt>
                      <c:pt idx="206">
                        <c:v>6.44</c:v>
                      </c:pt>
                      <c:pt idx="207">
                        <c:v>6.47</c:v>
                      </c:pt>
                      <c:pt idx="208">
                        <c:v>6.5</c:v>
                      </c:pt>
                      <c:pt idx="209">
                        <c:v>6.53</c:v>
                      </c:pt>
                      <c:pt idx="210">
                        <c:v>6.56</c:v>
                      </c:pt>
                      <c:pt idx="211">
                        <c:v>6.59</c:v>
                      </c:pt>
                      <c:pt idx="212">
                        <c:v>6.63</c:v>
                      </c:pt>
                      <c:pt idx="213">
                        <c:v>6.66</c:v>
                      </c:pt>
                      <c:pt idx="214">
                        <c:v>6.69</c:v>
                      </c:pt>
                      <c:pt idx="215">
                        <c:v>6.72</c:v>
                      </c:pt>
                      <c:pt idx="216">
                        <c:v>6.75</c:v>
                      </c:pt>
                      <c:pt idx="217">
                        <c:v>6.78</c:v>
                      </c:pt>
                      <c:pt idx="218">
                        <c:v>6.81</c:v>
                      </c:pt>
                      <c:pt idx="219">
                        <c:v>6.84</c:v>
                      </c:pt>
                      <c:pt idx="220">
                        <c:v>6.88</c:v>
                      </c:pt>
                      <c:pt idx="221">
                        <c:v>6.91</c:v>
                      </c:pt>
                      <c:pt idx="222">
                        <c:v>6.94</c:v>
                      </c:pt>
                      <c:pt idx="223">
                        <c:v>6.97</c:v>
                      </c:pt>
                      <c:pt idx="224">
                        <c:v>7</c:v>
                      </c:pt>
                      <c:pt idx="225">
                        <c:v>7.03</c:v>
                      </c:pt>
                      <c:pt idx="226">
                        <c:v>7.06</c:v>
                      </c:pt>
                      <c:pt idx="227">
                        <c:v>7.09</c:v>
                      </c:pt>
                      <c:pt idx="228">
                        <c:v>7.13</c:v>
                      </c:pt>
                      <c:pt idx="229">
                        <c:v>7.16</c:v>
                      </c:pt>
                      <c:pt idx="230">
                        <c:v>7.19</c:v>
                      </c:pt>
                      <c:pt idx="231">
                        <c:v>7.22</c:v>
                      </c:pt>
                      <c:pt idx="232">
                        <c:v>7.25</c:v>
                      </c:pt>
                      <c:pt idx="233">
                        <c:v>7.28</c:v>
                      </c:pt>
                      <c:pt idx="234">
                        <c:v>7.31</c:v>
                      </c:pt>
                      <c:pt idx="235">
                        <c:v>7.34</c:v>
                      </c:pt>
                      <c:pt idx="236">
                        <c:v>7.38</c:v>
                      </c:pt>
                      <c:pt idx="237">
                        <c:v>7.41</c:v>
                      </c:pt>
                      <c:pt idx="238">
                        <c:v>7.44</c:v>
                      </c:pt>
                      <c:pt idx="239">
                        <c:v>7.47</c:v>
                      </c:pt>
                      <c:pt idx="240">
                        <c:v>7.5</c:v>
                      </c:pt>
                      <c:pt idx="241">
                        <c:v>7.53</c:v>
                      </c:pt>
                      <c:pt idx="242">
                        <c:v>7.56</c:v>
                      </c:pt>
                      <c:pt idx="243">
                        <c:v>7.59</c:v>
                      </c:pt>
                      <c:pt idx="244">
                        <c:v>7.63</c:v>
                      </c:pt>
                      <c:pt idx="245">
                        <c:v>7.66</c:v>
                      </c:pt>
                      <c:pt idx="246">
                        <c:v>7.69</c:v>
                      </c:pt>
                      <c:pt idx="247">
                        <c:v>7.72</c:v>
                      </c:pt>
                      <c:pt idx="248">
                        <c:v>7.75</c:v>
                      </c:pt>
                      <c:pt idx="249">
                        <c:v>7.78</c:v>
                      </c:pt>
                      <c:pt idx="250">
                        <c:v>7.81</c:v>
                      </c:pt>
                      <c:pt idx="251">
                        <c:v>7.84</c:v>
                      </c:pt>
                      <c:pt idx="252">
                        <c:v>7.88</c:v>
                      </c:pt>
                      <c:pt idx="253">
                        <c:v>7.91</c:v>
                      </c:pt>
                      <c:pt idx="254">
                        <c:v>7.94</c:v>
                      </c:pt>
                      <c:pt idx="255">
                        <c:v>7.97</c:v>
                      </c:pt>
                      <c:pt idx="256">
                        <c:v>8</c:v>
                      </c:pt>
                      <c:pt idx="257">
                        <c:v>8.0299999999999994</c:v>
                      </c:pt>
                      <c:pt idx="258">
                        <c:v>8.06</c:v>
                      </c:pt>
                      <c:pt idx="259">
                        <c:v>8.09</c:v>
                      </c:pt>
                      <c:pt idx="260">
                        <c:v>8.1300000000000008</c:v>
                      </c:pt>
                      <c:pt idx="261">
                        <c:v>8.16</c:v>
                      </c:pt>
                      <c:pt idx="262">
                        <c:v>8.19</c:v>
                      </c:pt>
                      <c:pt idx="263">
                        <c:v>8.2200000000000006</c:v>
                      </c:pt>
                      <c:pt idx="264">
                        <c:v>8.25</c:v>
                      </c:pt>
                      <c:pt idx="265">
                        <c:v>8.2799999999999994</c:v>
                      </c:pt>
                      <c:pt idx="266">
                        <c:v>8.31</c:v>
                      </c:pt>
                      <c:pt idx="267">
                        <c:v>8.34</c:v>
                      </c:pt>
                      <c:pt idx="268">
                        <c:v>8.3800000000000008</c:v>
                      </c:pt>
                      <c:pt idx="269">
                        <c:v>8.41</c:v>
                      </c:pt>
                      <c:pt idx="270">
                        <c:v>8.44</c:v>
                      </c:pt>
                      <c:pt idx="271">
                        <c:v>8.4700000000000006</c:v>
                      </c:pt>
                      <c:pt idx="272">
                        <c:v>8.5</c:v>
                      </c:pt>
                      <c:pt idx="273">
                        <c:v>8.5299999999999994</c:v>
                      </c:pt>
                      <c:pt idx="274">
                        <c:v>8.56</c:v>
                      </c:pt>
                      <c:pt idx="275">
                        <c:v>8.59</c:v>
                      </c:pt>
                      <c:pt idx="276">
                        <c:v>8.6300000000000008</c:v>
                      </c:pt>
                      <c:pt idx="277">
                        <c:v>8.66</c:v>
                      </c:pt>
                      <c:pt idx="278">
                        <c:v>8.69</c:v>
                      </c:pt>
                      <c:pt idx="279">
                        <c:v>8.7200000000000006</c:v>
                      </c:pt>
                      <c:pt idx="280">
                        <c:v>8.75</c:v>
                      </c:pt>
                      <c:pt idx="281">
                        <c:v>8.7799999999999994</c:v>
                      </c:pt>
                      <c:pt idx="282">
                        <c:v>8.81</c:v>
                      </c:pt>
                      <c:pt idx="283">
                        <c:v>8.84</c:v>
                      </c:pt>
                      <c:pt idx="284">
                        <c:v>8.8800000000000008</c:v>
                      </c:pt>
                      <c:pt idx="285">
                        <c:v>8.91</c:v>
                      </c:pt>
                      <c:pt idx="286">
                        <c:v>8.94</c:v>
                      </c:pt>
                      <c:pt idx="287">
                        <c:v>8.9700000000000006</c:v>
                      </c:pt>
                      <c:pt idx="288">
                        <c:v>9</c:v>
                      </c:pt>
                      <c:pt idx="289">
                        <c:v>9.0299999999999994</c:v>
                      </c:pt>
                      <c:pt idx="290">
                        <c:v>9.06</c:v>
                      </c:pt>
                      <c:pt idx="291">
                        <c:v>9.09</c:v>
                      </c:pt>
                      <c:pt idx="292">
                        <c:v>9.1300000000000008</c:v>
                      </c:pt>
                      <c:pt idx="293">
                        <c:v>9.16</c:v>
                      </c:pt>
                      <c:pt idx="294">
                        <c:v>9.19</c:v>
                      </c:pt>
                      <c:pt idx="295">
                        <c:v>9.2200000000000006</c:v>
                      </c:pt>
                      <c:pt idx="296">
                        <c:v>9.25</c:v>
                      </c:pt>
                      <c:pt idx="297">
                        <c:v>9.2799999999999994</c:v>
                      </c:pt>
                      <c:pt idx="298">
                        <c:v>9.31</c:v>
                      </c:pt>
                      <c:pt idx="299">
                        <c:v>9.34</c:v>
                      </c:pt>
                      <c:pt idx="300">
                        <c:v>9.3800000000000008</c:v>
                      </c:pt>
                      <c:pt idx="301">
                        <c:v>9.41</c:v>
                      </c:pt>
                      <c:pt idx="302">
                        <c:v>9.44</c:v>
                      </c:pt>
                      <c:pt idx="303">
                        <c:v>9.4700000000000006</c:v>
                      </c:pt>
                      <c:pt idx="304">
                        <c:v>9.5</c:v>
                      </c:pt>
                      <c:pt idx="305">
                        <c:v>9.5299999999999994</c:v>
                      </c:pt>
                      <c:pt idx="306">
                        <c:v>9.56</c:v>
                      </c:pt>
                      <c:pt idx="307">
                        <c:v>9.59</c:v>
                      </c:pt>
                      <c:pt idx="308">
                        <c:v>9.6300000000000008</c:v>
                      </c:pt>
                      <c:pt idx="309">
                        <c:v>9.66</c:v>
                      </c:pt>
                      <c:pt idx="310">
                        <c:v>9.69</c:v>
                      </c:pt>
                      <c:pt idx="311">
                        <c:v>9.7200000000000006</c:v>
                      </c:pt>
                      <c:pt idx="312">
                        <c:v>9.75</c:v>
                      </c:pt>
                      <c:pt idx="313">
                        <c:v>9.7799999999999994</c:v>
                      </c:pt>
                      <c:pt idx="314">
                        <c:v>9.81</c:v>
                      </c:pt>
                      <c:pt idx="315">
                        <c:v>9.84</c:v>
                      </c:pt>
                      <c:pt idx="316">
                        <c:v>9.8800000000000008</c:v>
                      </c:pt>
                      <c:pt idx="317">
                        <c:v>9.91</c:v>
                      </c:pt>
                      <c:pt idx="318">
                        <c:v>9.94</c:v>
                      </c:pt>
                      <c:pt idx="319">
                        <c:v>9.9700000000000006</c:v>
                      </c:pt>
                      <c:pt idx="320">
                        <c:v>10</c:v>
                      </c:pt>
                      <c:pt idx="321">
                        <c:v>10.029999999999999</c:v>
                      </c:pt>
                      <c:pt idx="322">
                        <c:v>10.06</c:v>
                      </c:pt>
                      <c:pt idx="323">
                        <c:v>10.09</c:v>
                      </c:pt>
                      <c:pt idx="324">
                        <c:v>10.130000000000001</c:v>
                      </c:pt>
                      <c:pt idx="325">
                        <c:v>10.16</c:v>
                      </c:pt>
                      <c:pt idx="326">
                        <c:v>10.19</c:v>
                      </c:pt>
                      <c:pt idx="327">
                        <c:v>10.220000000000001</c:v>
                      </c:pt>
                      <c:pt idx="328">
                        <c:v>10.25</c:v>
                      </c:pt>
                      <c:pt idx="329">
                        <c:v>10.28</c:v>
                      </c:pt>
                      <c:pt idx="330">
                        <c:v>10.31</c:v>
                      </c:pt>
                      <c:pt idx="331">
                        <c:v>10.34</c:v>
                      </c:pt>
                      <c:pt idx="332">
                        <c:v>10.38</c:v>
                      </c:pt>
                      <c:pt idx="333">
                        <c:v>10.41</c:v>
                      </c:pt>
                      <c:pt idx="334">
                        <c:v>10.44</c:v>
                      </c:pt>
                      <c:pt idx="335">
                        <c:v>10.47</c:v>
                      </c:pt>
                      <c:pt idx="336">
                        <c:v>10.5</c:v>
                      </c:pt>
                      <c:pt idx="337">
                        <c:v>10.53</c:v>
                      </c:pt>
                      <c:pt idx="338">
                        <c:v>10.56</c:v>
                      </c:pt>
                      <c:pt idx="339">
                        <c:v>10.59</c:v>
                      </c:pt>
                      <c:pt idx="340">
                        <c:v>10.63</c:v>
                      </c:pt>
                      <c:pt idx="341">
                        <c:v>10.66</c:v>
                      </c:pt>
                      <c:pt idx="342">
                        <c:v>10.69</c:v>
                      </c:pt>
                      <c:pt idx="343">
                        <c:v>10.72</c:v>
                      </c:pt>
                      <c:pt idx="344">
                        <c:v>10.75</c:v>
                      </c:pt>
                      <c:pt idx="345">
                        <c:v>10.78</c:v>
                      </c:pt>
                      <c:pt idx="346">
                        <c:v>10.81</c:v>
                      </c:pt>
                      <c:pt idx="347">
                        <c:v>10.84</c:v>
                      </c:pt>
                      <c:pt idx="348">
                        <c:v>10.88</c:v>
                      </c:pt>
                      <c:pt idx="349">
                        <c:v>10.91</c:v>
                      </c:pt>
                      <c:pt idx="350">
                        <c:v>10.94</c:v>
                      </c:pt>
                      <c:pt idx="351">
                        <c:v>10.97</c:v>
                      </c:pt>
                      <c:pt idx="352">
                        <c:v>11</c:v>
                      </c:pt>
                      <c:pt idx="353">
                        <c:v>11.03</c:v>
                      </c:pt>
                      <c:pt idx="354">
                        <c:v>11.06</c:v>
                      </c:pt>
                      <c:pt idx="355">
                        <c:v>11.09</c:v>
                      </c:pt>
                      <c:pt idx="356">
                        <c:v>11.13</c:v>
                      </c:pt>
                      <c:pt idx="357">
                        <c:v>11.16</c:v>
                      </c:pt>
                      <c:pt idx="358">
                        <c:v>11.19</c:v>
                      </c:pt>
                      <c:pt idx="359">
                        <c:v>11.22</c:v>
                      </c:pt>
                      <c:pt idx="360">
                        <c:v>11.25</c:v>
                      </c:pt>
                      <c:pt idx="361">
                        <c:v>11.28</c:v>
                      </c:pt>
                      <c:pt idx="362">
                        <c:v>11.31</c:v>
                      </c:pt>
                      <c:pt idx="363">
                        <c:v>11.34</c:v>
                      </c:pt>
                      <c:pt idx="364">
                        <c:v>11.38</c:v>
                      </c:pt>
                      <c:pt idx="365">
                        <c:v>11.41</c:v>
                      </c:pt>
                      <c:pt idx="366">
                        <c:v>11.44</c:v>
                      </c:pt>
                      <c:pt idx="367">
                        <c:v>11.47</c:v>
                      </c:pt>
                      <c:pt idx="368">
                        <c:v>11.5</c:v>
                      </c:pt>
                      <c:pt idx="369">
                        <c:v>11.53</c:v>
                      </c:pt>
                      <c:pt idx="370">
                        <c:v>11.56</c:v>
                      </c:pt>
                      <c:pt idx="371">
                        <c:v>11.59</c:v>
                      </c:pt>
                      <c:pt idx="372">
                        <c:v>11.63</c:v>
                      </c:pt>
                      <c:pt idx="373">
                        <c:v>11.66</c:v>
                      </c:pt>
                      <c:pt idx="374">
                        <c:v>11.69</c:v>
                      </c:pt>
                      <c:pt idx="375">
                        <c:v>11.72</c:v>
                      </c:pt>
                      <c:pt idx="376">
                        <c:v>11.75</c:v>
                      </c:pt>
                      <c:pt idx="377">
                        <c:v>11.78</c:v>
                      </c:pt>
                      <c:pt idx="378">
                        <c:v>11.81</c:v>
                      </c:pt>
                      <c:pt idx="379">
                        <c:v>11.84</c:v>
                      </c:pt>
                      <c:pt idx="380">
                        <c:v>11.88</c:v>
                      </c:pt>
                      <c:pt idx="381">
                        <c:v>11.91</c:v>
                      </c:pt>
                      <c:pt idx="382">
                        <c:v>11.94</c:v>
                      </c:pt>
                      <c:pt idx="383">
                        <c:v>11.97</c:v>
                      </c:pt>
                      <c:pt idx="384">
                        <c:v>12</c:v>
                      </c:pt>
                      <c:pt idx="385">
                        <c:v>12.03</c:v>
                      </c:pt>
                      <c:pt idx="386">
                        <c:v>12.06</c:v>
                      </c:pt>
                      <c:pt idx="387">
                        <c:v>12.09</c:v>
                      </c:pt>
                      <c:pt idx="388">
                        <c:v>12.13</c:v>
                      </c:pt>
                      <c:pt idx="389">
                        <c:v>12.16</c:v>
                      </c:pt>
                      <c:pt idx="390">
                        <c:v>12.19</c:v>
                      </c:pt>
                      <c:pt idx="391">
                        <c:v>12.22</c:v>
                      </c:pt>
                      <c:pt idx="392">
                        <c:v>12.25</c:v>
                      </c:pt>
                      <c:pt idx="393">
                        <c:v>12.28</c:v>
                      </c:pt>
                      <c:pt idx="394">
                        <c:v>12.31</c:v>
                      </c:pt>
                      <c:pt idx="395">
                        <c:v>12.34</c:v>
                      </c:pt>
                      <c:pt idx="396">
                        <c:v>12.38</c:v>
                      </c:pt>
                      <c:pt idx="397">
                        <c:v>12.41</c:v>
                      </c:pt>
                      <c:pt idx="398">
                        <c:v>12.44</c:v>
                      </c:pt>
                      <c:pt idx="399">
                        <c:v>12.47</c:v>
                      </c:pt>
                      <c:pt idx="400">
                        <c:v>12.5</c:v>
                      </c:pt>
                      <c:pt idx="401">
                        <c:v>12.53</c:v>
                      </c:pt>
                      <c:pt idx="402">
                        <c:v>12.56</c:v>
                      </c:pt>
                      <c:pt idx="403">
                        <c:v>12.59</c:v>
                      </c:pt>
                      <c:pt idx="404">
                        <c:v>12.63</c:v>
                      </c:pt>
                      <c:pt idx="405">
                        <c:v>12.66</c:v>
                      </c:pt>
                      <c:pt idx="406">
                        <c:v>12.69</c:v>
                      </c:pt>
                      <c:pt idx="407">
                        <c:v>12.72</c:v>
                      </c:pt>
                      <c:pt idx="408">
                        <c:v>12.75</c:v>
                      </c:pt>
                      <c:pt idx="409">
                        <c:v>12.78</c:v>
                      </c:pt>
                      <c:pt idx="410">
                        <c:v>12.81</c:v>
                      </c:pt>
                      <c:pt idx="411">
                        <c:v>12.84</c:v>
                      </c:pt>
                      <c:pt idx="412">
                        <c:v>12.88</c:v>
                      </c:pt>
                      <c:pt idx="413">
                        <c:v>12.91</c:v>
                      </c:pt>
                      <c:pt idx="414">
                        <c:v>12.94</c:v>
                      </c:pt>
                      <c:pt idx="415">
                        <c:v>12.97</c:v>
                      </c:pt>
                      <c:pt idx="416">
                        <c:v>13</c:v>
                      </c:pt>
                      <c:pt idx="417">
                        <c:v>13.03</c:v>
                      </c:pt>
                      <c:pt idx="418">
                        <c:v>13.06</c:v>
                      </c:pt>
                      <c:pt idx="419">
                        <c:v>13.09</c:v>
                      </c:pt>
                      <c:pt idx="420">
                        <c:v>13.13</c:v>
                      </c:pt>
                      <c:pt idx="421">
                        <c:v>13.16</c:v>
                      </c:pt>
                      <c:pt idx="422">
                        <c:v>13.19</c:v>
                      </c:pt>
                      <c:pt idx="423">
                        <c:v>13.22</c:v>
                      </c:pt>
                      <c:pt idx="424">
                        <c:v>13.25</c:v>
                      </c:pt>
                      <c:pt idx="425">
                        <c:v>13.28</c:v>
                      </c:pt>
                      <c:pt idx="426">
                        <c:v>13.31</c:v>
                      </c:pt>
                      <c:pt idx="427">
                        <c:v>13.34</c:v>
                      </c:pt>
                      <c:pt idx="428">
                        <c:v>13.38</c:v>
                      </c:pt>
                      <c:pt idx="429">
                        <c:v>13.41</c:v>
                      </c:pt>
                      <c:pt idx="430">
                        <c:v>13.44</c:v>
                      </c:pt>
                      <c:pt idx="431">
                        <c:v>13.47</c:v>
                      </c:pt>
                      <c:pt idx="432">
                        <c:v>13.5</c:v>
                      </c:pt>
                      <c:pt idx="433">
                        <c:v>13.53</c:v>
                      </c:pt>
                      <c:pt idx="434">
                        <c:v>13.56</c:v>
                      </c:pt>
                      <c:pt idx="435">
                        <c:v>13.59</c:v>
                      </c:pt>
                      <c:pt idx="436">
                        <c:v>13.63</c:v>
                      </c:pt>
                      <c:pt idx="437">
                        <c:v>13.66</c:v>
                      </c:pt>
                      <c:pt idx="438">
                        <c:v>13.69</c:v>
                      </c:pt>
                      <c:pt idx="439">
                        <c:v>13.72</c:v>
                      </c:pt>
                      <c:pt idx="440">
                        <c:v>13.75</c:v>
                      </c:pt>
                      <c:pt idx="441">
                        <c:v>13.78</c:v>
                      </c:pt>
                      <c:pt idx="442">
                        <c:v>13.81</c:v>
                      </c:pt>
                      <c:pt idx="443">
                        <c:v>13.84</c:v>
                      </c:pt>
                      <c:pt idx="444">
                        <c:v>13.88</c:v>
                      </c:pt>
                      <c:pt idx="445">
                        <c:v>13.91</c:v>
                      </c:pt>
                      <c:pt idx="446">
                        <c:v>13.94</c:v>
                      </c:pt>
                      <c:pt idx="447">
                        <c:v>13.97</c:v>
                      </c:pt>
                      <c:pt idx="448">
                        <c:v>14</c:v>
                      </c:pt>
                      <c:pt idx="449">
                        <c:v>14.03</c:v>
                      </c:pt>
                      <c:pt idx="450">
                        <c:v>14.06</c:v>
                      </c:pt>
                      <c:pt idx="451">
                        <c:v>14.09</c:v>
                      </c:pt>
                      <c:pt idx="452">
                        <c:v>14.13</c:v>
                      </c:pt>
                      <c:pt idx="453">
                        <c:v>14.16</c:v>
                      </c:pt>
                      <c:pt idx="454">
                        <c:v>14.19</c:v>
                      </c:pt>
                      <c:pt idx="455">
                        <c:v>14.22</c:v>
                      </c:pt>
                      <c:pt idx="456">
                        <c:v>14.25</c:v>
                      </c:pt>
                      <c:pt idx="457">
                        <c:v>14.28</c:v>
                      </c:pt>
                      <c:pt idx="458">
                        <c:v>14.31</c:v>
                      </c:pt>
                      <c:pt idx="459">
                        <c:v>14.34</c:v>
                      </c:pt>
                      <c:pt idx="460">
                        <c:v>14.38</c:v>
                      </c:pt>
                      <c:pt idx="461">
                        <c:v>14.41</c:v>
                      </c:pt>
                      <c:pt idx="462">
                        <c:v>14.44</c:v>
                      </c:pt>
                      <c:pt idx="463">
                        <c:v>14.47</c:v>
                      </c:pt>
                      <c:pt idx="464">
                        <c:v>14.5</c:v>
                      </c:pt>
                      <c:pt idx="465">
                        <c:v>14.53</c:v>
                      </c:pt>
                      <c:pt idx="466">
                        <c:v>14.56</c:v>
                      </c:pt>
                      <c:pt idx="467">
                        <c:v>14.59</c:v>
                      </c:pt>
                      <c:pt idx="468">
                        <c:v>14.63</c:v>
                      </c:pt>
                      <c:pt idx="469">
                        <c:v>14.66</c:v>
                      </c:pt>
                      <c:pt idx="470">
                        <c:v>14.69</c:v>
                      </c:pt>
                      <c:pt idx="471">
                        <c:v>14.72</c:v>
                      </c:pt>
                      <c:pt idx="472">
                        <c:v>14.75</c:v>
                      </c:pt>
                      <c:pt idx="473">
                        <c:v>14.78</c:v>
                      </c:pt>
                      <c:pt idx="474">
                        <c:v>14.81</c:v>
                      </c:pt>
                      <c:pt idx="475">
                        <c:v>14.84</c:v>
                      </c:pt>
                      <c:pt idx="476">
                        <c:v>14.88</c:v>
                      </c:pt>
                      <c:pt idx="477">
                        <c:v>14.91</c:v>
                      </c:pt>
                      <c:pt idx="478">
                        <c:v>14.94</c:v>
                      </c:pt>
                      <c:pt idx="479">
                        <c:v>14.97</c:v>
                      </c:pt>
                      <c:pt idx="480">
                        <c:v>15</c:v>
                      </c:pt>
                      <c:pt idx="481">
                        <c:v>15.03</c:v>
                      </c:pt>
                      <c:pt idx="482">
                        <c:v>15.06</c:v>
                      </c:pt>
                      <c:pt idx="483">
                        <c:v>15.09</c:v>
                      </c:pt>
                      <c:pt idx="484">
                        <c:v>15.13</c:v>
                      </c:pt>
                      <c:pt idx="485">
                        <c:v>15.16</c:v>
                      </c:pt>
                      <c:pt idx="486">
                        <c:v>15.19</c:v>
                      </c:pt>
                      <c:pt idx="487">
                        <c:v>15.22</c:v>
                      </c:pt>
                      <c:pt idx="488">
                        <c:v>15.25</c:v>
                      </c:pt>
                      <c:pt idx="489">
                        <c:v>15.28</c:v>
                      </c:pt>
                      <c:pt idx="490">
                        <c:v>15.31</c:v>
                      </c:pt>
                      <c:pt idx="491">
                        <c:v>15.34</c:v>
                      </c:pt>
                      <c:pt idx="492">
                        <c:v>15.38</c:v>
                      </c:pt>
                      <c:pt idx="493">
                        <c:v>15.41</c:v>
                      </c:pt>
                      <c:pt idx="494">
                        <c:v>15.44</c:v>
                      </c:pt>
                      <c:pt idx="495">
                        <c:v>15.47</c:v>
                      </c:pt>
                      <c:pt idx="496">
                        <c:v>15.5</c:v>
                      </c:pt>
                      <c:pt idx="497">
                        <c:v>15.53</c:v>
                      </c:pt>
                      <c:pt idx="498">
                        <c:v>15.56</c:v>
                      </c:pt>
                      <c:pt idx="499">
                        <c:v>15.59</c:v>
                      </c:pt>
                      <c:pt idx="500">
                        <c:v>15.63</c:v>
                      </c:pt>
                      <c:pt idx="501">
                        <c:v>15.66</c:v>
                      </c:pt>
                      <c:pt idx="502">
                        <c:v>15.69</c:v>
                      </c:pt>
                      <c:pt idx="503">
                        <c:v>15.72</c:v>
                      </c:pt>
                      <c:pt idx="504">
                        <c:v>15.75</c:v>
                      </c:pt>
                      <c:pt idx="505">
                        <c:v>15.78</c:v>
                      </c:pt>
                      <c:pt idx="506">
                        <c:v>15.81</c:v>
                      </c:pt>
                      <c:pt idx="507">
                        <c:v>15.84</c:v>
                      </c:pt>
                      <c:pt idx="508">
                        <c:v>15.88</c:v>
                      </c:pt>
                      <c:pt idx="509">
                        <c:v>15.91</c:v>
                      </c:pt>
                      <c:pt idx="510">
                        <c:v>15.94</c:v>
                      </c:pt>
                      <c:pt idx="511">
                        <c:v>15.97</c:v>
                      </c:pt>
                      <c:pt idx="512">
                        <c:v>16</c:v>
                      </c:pt>
                      <c:pt idx="513">
                        <c:v>16.03</c:v>
                      </c:pt>
                      <c:pt idx="514">
                        <c:v>16.059999999999999</c:v>
                      </c:pt>
                      <c:pt idx="515">
                        <c:v>16.09</c:v>
                      </c:pt>
                      <c:pt idx="516">
                        <c:v>16.13</c:v>
                      </c:pt>
                      <c:pt idx="517">
                        <c:v>16.16</c:v>
                      </c:pt>
                      <c:pt idx="518">
                        <c:v>16.190000000000001</c:v>
                      </c:pt>
                      <c:pt idx="519">
                        <c:v>16.22</c:v>
                      </c:pt>
                      <c:pt idx="520">
                        <c:v>16.25</c:v>
                      </c:pt>
                      <c:pt idx="521">
                        <c:v>16.28</c:v>
                      </c:pt>
                      <c:pt idx="522">
                        <c:v>16.309999999999999</c:v>
                      </c:pt>
                      <c:pt idx="523">
                        <c:v>16.34</c:v>
                      </c:pt>
                      <c:pt idx="524">
                        <c:v>16.38</c:v>
                      </c:pt>
                      <c:pt idx="525">
                        <c:v>16.41</c:v>
                      </c:pt>
                      <c:pt idx="526">
                        <c:v>16.440000000000001</c:v>
                      </c:pt>
                      <c:pt idx="527">
                        <c:v>16.47</c:v>
                      </c:pt>
                      <c:pt idx="528">
                        <c:v>16.5</c:v>
                      </c:pt>
                      <c:pt idx="529">
                        <c:v>16.53</c:v>
                      </c:pt>
                      <c:pt idx="530">
                        <c:v>16.559999999999999</c:v>
                      </c:pt>
                      <c:pt idx="531">
                        <c:v>16.59</c:v>
                      </c:pt>
                      <c:pt idx="532">
                        <c:v>16.63</c:v>
                      </c:pt>
                      <c:pt idx="533">
                        <c:v>16.66</c:v>
                      </c:pt>
                      <c:pt idx="534">
                        <c:v>16.690000000000001</c:v>
                      </c:pt>
                      <c:pt idx="535">
                        <c:v>16.72</c:v>
                      </c:pt>
                      <c:pt idx="536">
                        <c:v>16.75</c:v>
                      </c:pt>
                      <c:pt idx="537">
                        <c:v>16.78</c:v>
                      </c:pt>
                      <c:pt idx="538">
                        <c:v>16.809999999999999</c:v>
                      </c:pt>
                      <c:pt idx="539">
                        <c:v>16.84</c:v>
                      </c:pt>
                      <c:pt idx="540">
                        <c:v>16.88</c:v>
                      </c:pt>
                      <c:pt idx="541">
                        <c:v>16.91</c:v>
                      </c:pt>
                      <c:pt idx="542">
                        <c:v>16.940000000000001</c:v>
                      </c:pt>
                      <c:pt idx="543">
                        <c:v>16.97</c:v>
                      </c:pt>
                      <c:pt idx="544">
                        <c:v>17</c:v>
                      </c:pt>
                      <c:pt idx="545">
                        <c:v>17.03</c:v>
                      </c:pt>
                      <c:pt idx="546">
                        <c:v>17.059999999999999</c:v>
                      </c:pt>
                      <c:pt idx="547">
                        <c:v>17.09</c:v>
                      </c:pt>
                      <c:pt idx="548">
                        <c:v>17.13</c:v>
                      </c:pt>
                      <c:pt idx="549">
                        <c:v>17.16</c:v>
                      </c:pt>
                      <c:pt idx="550">
                        <c:v>17.190000000000001</c:v>
                      </c:pt>
                      <c:pt idx="551">
                        <c:v>17.22</c:v>
                      </c:pt>
                      <c:pt idx="552">
                        <c:v>17.25</c:v>
                      </c:pt>
                      <c:pt idx="553">
                        <c:v>17.28</c:v>
                      </c:pt>
                      <c:pt idx="554">
                        <c:v>17.309999999999999</c:v>
                      </c:pt>
                      <c:pt idx="555">
                        <c:v>17.34</c:v>
                      </c:pt>
                      <c:pt idx="556">
                        <c:v>17.38</c:v>
                      </c:pt>
                      <c:pt idx="557">
                        <c:v>17.41</c:v>
                      </c:pt>
                      <c:pt idx="558">
                        <c:v>17.440000000000001</c:v>
                      </c:pt>
                      <c:pt idx="559">
                        <c:v>17.47</c:v>
                      </c:pt>
                      <c:pt idx="560">
                        <c:v>17.5</c:v>
                      </c:pt>
                      <c:pt idx="561">
                        <c:v>17.53</c:v>
                      </c:pt>
                      <c:pt idx="562">
                        <c:v>17.559999999999999</c:v>
                      </c:pt>
                      <c:pt idx="563">
                        <c:v>17.59</c:v>
                      </c:pt>
                      <c:pt idx="564">
                        <c:v>17.63</c:v>
                      </c:pt>
                      <c:pt idx="565">
                        <c:v>17.66</c:v>
                      </c:pt>
                      <c:pt idx="566">
                        <c:v>17.690000000000001</c:v>
                      </c:pt>
                      <c:pt idx="567">
                        <c:v>17.72</c:v>
                      </c:pt>
                      <c:pt idx="568">
                        <c:v>17.75</c:v>
                      </c:pt>
                      <c:pt idx="569">
                        <c:v>17.78</c:v>
                      </c:pt>
                      <c:pt idx="570">
                        <c:v>17.809999999999999</c:v>
                      </c:pt>
                      <c:pt idx="571">
                        <c:v>17.84</c:v>
                      </c:pt>
                      <c:pt idx="572">
                        <c:v>17.88</c:v>
                      </c:pt>
                      <c:pt idx="573">
                        <c:v>17.91</c:v>
                      </c:pt>
                      <c:pt idx="574">
                        <c:v>17.940000000000001</c:v>
                      </c:pt>
                      <c:pt idx="575">
                        <c:v>17.97</c:v>
                      </c:pt>
                      <c:pt idx="576">
                        <c:v>18</c:v>
                      </c:pt>
                      <c:pt idx="577">
                        <c:v>18.03</c:v>
                      </c:pt>
                      <c:pt idx="578">
                        <c:v>18.059999999999999</c:v>
                      </c:pt>
                      <c:pt idx="579">
                        <c:v>18.09</c:v>
                      </c:pt>
                      <c:pt idx="580">
                        <c:v>18.13</c:v>
                      </c:pt>
                      <c:pt idx="581">
                        <c:v>18.16</c:v>
                      </c:pt>
                      <c:pt idx="582">
                        <c:v>18.190000000000001</c:v>
                      </c:pt>
                      <c:pt idx="583">
                        <c:v>18.22</c:v>
                      </c:pt>
                      <c:pt idx="584">
                        <c:v>18.25</c:v>
                      </c:pt>
                      <c:pt idx="585">
                        <c:v>18.28</c:v>
                      </c:pt>
                      <c:pt idx="586">
                        <c:v>18.309999999999999</c:v>
                      </c:pt>
                      <c:pt idx="587">
                        <c:v>18.34</c:v>
                      </c:pt>
                      <c:pt idx="588">
                        <c:v>18.38</c:v>
                      </c:pt>
                      <c:pt idx="589">
                        <c:v>18.41</c:v>
                      </c:pt>
                      <c:pt idx="590">
                        <c:v>18.440000000000001</c:v>
                      </c:pt>
                      <c:pt idx="591">
                        <c:v>18.47</c:v>
                      </c:pt>
                      <c:pt idx="592">
                        <c:v>18.5</c:v>
                      </c:pt>
                      <c:pt idx="593">
                        <c:v>18.53</c:v>
                      </c:pt>
                      <c:pt idx="594">
                        <c:v>18.559999999999999</c:v>
                      </c:pt>
                      <c:pt idx="595">
                        <c:v>18.59</c:v>
                      </c:pt>
                      <c:pt idx="596">
                        <c:v>18.63</c:v>
                      </c:pt>
                      <c:pt idx="597">
                        <c:v>18.66</c:v>
                      </c:pt>
                      <c:pt idx="598">
                        <c:v>18.690000000000001</c:v>
                      </c:pt>
                      <c:pt idx="599">
                        <c:v>18.72</c:v>
                      </c:pt>
                      <c:pt idx="600">
                        <c:v>18.75</c:v>
                      </c:pt>
                      <c:pt idx="601">
                        <c:v>18.78</c:v>
                      </c:pt>
                      <c:pt idx="602">
                        <c:v>18.809999999999999</c:v>
                      </c:pt>
                      <c:pt idx="603">
                        <c:v>18.84</c:v>
                      </c:pt>
                      <c:pt idx="604">
                        <c:v>18.88</c:v>
                      </c:pt>
                      <c:pt idx="605">
                        <c:v>18.91</c:v>
                      </c:pt>
                      <c:pt idx="606">
                        <c:v>18.940000000000001</c:v>
                      </c:pt>
                      <c:pt idx="607">
                        <c:v>18.97</c:v>
                      </c:pt>
                      <c:pt idx="608">
                        <c:v>19</c:v>
                      </c:pt>
                      <c:pt idx="609">
                        <c:v>19.03</c:v>
                      </c:pt>
                      <c:pt idx="610">
                        <c:v>19.059999999999999</c:v>
                      </c:pt>
                      <c:pt idx="611">
                        <c:v>19.09</c:v>
                      </c:pt>
                      <c:pt idx="612">
                        <c:v>19.13</c:v>
                      </c:pt>
                      <c:pt idx="613">
                        <c:v>19.16</c:v>
                      </c:pt>
                      <c:pt idx="614">
                        <c:v>19.190000000000001</c:v>
                      </c:pt>
                      <c:pt idx="615">
                        <c:v>19.22</c:v>
                      </c:pt>
                      <c:pt idx="616">
                        <c:v>19.25</c:v>
                      </c:pt>
                      <c:pt idx="617">
                        <c:v>19.28</c:v>
                      </c:pt>
                      <c:pt idx="618">
                        <c:v>19.309999999999999</c:v>
                      </c:pt>
                      <c:pt idx="619">
                        <c:v>19.34</c:v>
                      </c:pt>
                      <c:pt idx="620">
                        <c:v>19.38</c:v>
                      </c:pt>
                      <c:pt idx="621">
                        <c:v>19.41</c:v>
                      </c:pt>
                      <c:pt idx="622">
                        <c:v>19.440000000000001</c:v>
                      </c:pt>
                      <c:pt idx="623">
                        <c:v>19.47</c:v>
                      </c:pt>
                      <c:pt idx="624">
                        <c:v>19.5</c:v>
                      </c:pt>
                      <c:pt idx="625">
                        <c:v>19.53</c:v>
                      </c:pt>
                      <c:pt idx="626">
                        <c:v>19.559999999999999</c:v>
                      </c:pt>
                      <c:pt idx="627">
                        <c:v>19.59</c:v>
                      </c:pt>
                      <c:pt idx="628">
                        <c:v>19.63</c:v>
                      </c:pt>
                      <c:pt idx="629">
                        <c:v>19.66</c:v>
                      </c:pt>
                      <c:pt idx="630">
                        <c:v>19.690000000000001</c:v>
                      </c:pt>
                      <c:pt idx="631">
                        <c:v>19.72</c:v>
                      </c:pt>
                      <c:pt idx="632">
                        <c:v>19.75</c:v>
                      </c:pt>
                      <c:pt idx="633">
                        <c:v>19.78</c:v>
                      </c:pt>
                      <c:pt idx="634">
                        <c:v>19.809999999999999</c:v>
                      </c:pt>
                      <c:pt idx="635">
                        <c:v>19.84</c:v>
                      </c:pt>
                      <c:pt idx="636">
                        <c:v>19.88</c:v>
                      </c:pt>
                      <c:pt idx="637">
                        <c:v>19.91</c:v>
                      </c:pt>
                      <c:pt idx="638">
                        <c:v>19.940000000000001</c:v>
                      </c:pt>
                      <c:pt idx="639">
                        <c:v>19.97</c:v>
                      </c:pt>
                      <c:pt idx="640">
                        <c:v>20</c:v>
                      </c:pt>
                      <c:pt idx="641">
                        <c:v>20.03</c:v>
                      </c:pt>
                      <c:pt idx="642">
                        <c:v>20.059999999999999</c:v>
                      </c:pt>
                      <c:pt idx="643">
                        <c:v>20.09</c:v>
                      </c:pt>
                      <c:pt idx="644">
                        <c:v>20.13</c:v>
                      </c:pt>
                      <c:pt idx="645">
                        <c:v>20.16</c:v>
                      </c:pt>
                      <c:pt idx="646">
                        <c:v>20.190000000000001</c:v>
                      </c:pt>
                      <c:pt idx="647">
                        <c:v>20.22</c:v>
                      </c:pt>
                      <c:pt idx="648">
                        <c:v>20.25</c:v>
                      </c:pt>
                      <c:pt idx="649">
                        <c:v>20.28</c:v>
                      </c:pt>
                      <c:pt idx="650">
                        <c:v>20.309999999999999</c:v>
                      </c:pt>
                      <c:pt idx="651">
                        <c:v>20.34</c:v>
                      </c:pt>
                      <c:pt idx="652">
                        <c:v>20.38</c:v>
                      </c:pt>
                      <c:pt idx="653">
                        <c:v>20.41</c:v>
                      </c:pt>
                      <c:pt idx="654">
                        <c:v>20.440000000000001</c:v>
                      </c:pt>
                      <c:pt idx="655">
                        <c:v>20.47</c:v>
                      </c:pt>
                      <c:pt idx="656">
                        <c:v>20.5</c:v>
                      </c:pt>
                      <c:pt idx="657">
                        <c:v>20.53</c:v>
                      </c:pt>
                      <c:pt idx="658">
                        <c:v>20.56</c:v>
                      </c:pt>
                      <c:pt idx="659">
                        <c:v>20.59</c:v>
                      </c:pt>
                      <c:pt idx="660">
                        <c:v>20.63</c:v>
                      </c:pt>
                      <c:pt idx="661">
                        <c:v>20.66</c:v>
                      </c:pt>
                      <c:pt idx="662">
                        <c:v>20.69</c:v>
                      </c:pt>
                      <c:pt idx="663">
                        <c:v>20.72</c:v>
                      </c:pt>
                      <c:pt idx="664">
                        <c:v>20.75</c:v>
                      </c:pt>
                      <c:pt idx="665">
                        <c:v>20.78</c:v>
                      </c:pt>
                      <c:pt idx="666">
                        <c:v>20.81</c:v>
                      </c:pt>
                      <c:pt idx="667">
                        <c:v>20.84</c:v>
                      </c:pt>
                      <c:pt idx="668">
                        <c:v>20.88</c:v>
                      </c:pt>
                      <c:pt idx="669">
                        <c:v>20.91</c:v>
                      </c:pt>
                      <c:pt idx="670">
                        <c:v>20.94</c:v>
                      </c:pt>
                      <c:pt idx="671">
                        <c:v>20.97</c:v>
                      </c:pt>
                      <c:pt idx="672">
                        <c:v>21</c:v>
                      </c:pt>
                      <c:pt idx="673">
                        <c:v>21.03</c:v>
                      </c:pt>
                      <c:pt idx="674">
                        <c:v>21.06</c:v>
                      </c:pt>
                      <c:pt idx="675">
                        <c:v>21.09</c:v>
                      </c:pt>
                      <c:pt idx="676">
                        <c:v>21.13</c:v>
                      </c:pt>
                      <c:pt idx="677">
                        <c:v>21.16</c:v>
                      </c:pt>
                      <c:pt idx="678">
                        <c:v>21.19</c:v>
                      </c:pt>
                      <c:pt idx="679">
                        <c:v>21.22</c:v>
                      </c:pt>
                      <c:pt idx="680">
                        <c:v>21.25</c:v>
                      </c:pt>
                      <c:pt idx="681">
                        <c:v>21.28</c:v>
                      </c:pt>
                      <c:pt idx="682">
                        <c:v>21.31</c:v>
                      </c:pt>
                      <c:pt idx="683">
                        <c:v>21.34</c:v>
                      </c:pt>
                      <c:pt idx="684">
                        <c:v>21.38</c:v>
                      </c:pt>
                      <c:pt idx="685">
                        <c:v>21.41</c:v>
                      </c:pt>
                      <c:pt idx="686">
                        <c:v>21.44</c:v>
                      </c:pt>
                      <c:pt idx="687">
                        <c:v>21.47</c:v>
                      </c:pt>
                      <c:pt idx="688">
                        <c:v>21.5</c:v>
                      </c:pt>
                      <c:pt idx="689">
                        <c:v>21.53</c:v>
                      </c:pt>
                      <c:pt idx="690">
                        <c:v>21.56</c:v>
                      </c:pt>
                      <c:pt idx="691">
                        <c:v>21.59</c:v>
                      </c:pt>
                      <c:pt idx="692">
                        <c:v>21.63</c:v>
                      </c:pt>
                      <c:pt idx="693">
                        <c:v>21.66</c:v>
                      </c:pt>
                      <c:pt idx="694">
                        <c:v>21.69</c:v>
                      </c:pt>
                      <c:pt idx="695">
                        <c:v>21.72</c:v>
                      </c:pt>
                      <c:pt idx="696">
                        <c:v>21.75</c:v>
                      </c:pt>
                      <c:pt idx="697">
                        <c:v>21.78</c:v>
                      </c:pt>
                      <c:pt idx="698">
                        <c:v>21.81</c:v>
                      </c:pt>
                      <c:pt idx="699">
                        <c:v>21.84</c:v>
                      </c:pt>
                      <c:pt idx="700">
                        <c:v>21.88</c:v>
                      </c:pt>
                      <c:pt idx="701">
                        <c:v>21.91</c:v>
                      </c:pt>
                      <c:pt idx="702">
                        <c:v>21.94</c:v>
                      </c:pt>
                      <c:pt idx="703">
                        <c:v>21.97</c:v>
                      </c:pt>
                      <c:pt idx="704">
                        <c:v>22</c:v>
                      </c:pt>
                      <c:pt idx="705">
                        <c:v>22.03</c:v>
                      </c:pt>
                      <c:pt idx="706">
                        <c:v>22.06</c:v>
                      </c:pt>
                      <c:pt idx="707">
                        <c:v>22.09</c:v>
                      </c:pt>
                      <c:pt idx="708">
                        <c:v>22.13</c:v>
                      </c:pt>
                      <c:pt idx="709">
                        <c:v>22.16</c:v>
                      </c:pt>
                      <c:pt idx="710">
                        <c:v>22.19</c:v>
                      </c:pt>
                      <c:pt idx="711">
                        <c:v>22.22</c:v>
                      </c:pt>
                      <c:pt idx="712">
                        <c:v>22.25</c:v>
                      </c:pt>
                      <c:pt idx="713">
                        <c:v>22.28</c:v>
                      </c:pt>
                      <c:pt idx="714">
                        <c:v>22.31</c:v>
                      </c:pt>
                      <c:pt idx="715">
                        <c:v>22.34</c:v>
                      </c:pt>
                      <c:pt idx="716">
                        <c:v>22.38</c:v>
                      </c:pt>
                      <c:pt idx="717">
                        <c:v>22.41</c:v>
                      </c:pt>
                      <c:pt idx="718">
                        <c:v>22.44</c:v>
                      </c:pt>
                      <c:pt idx="719">
                        <c:v>22.47</c:v>
                      </c:pt>
                      <c:pt idx="720">
                        <c:v>22.5</c:v>
                      </c:pt>
                      <c:pt idx="721">
                        <c:v>22.53</c:v>
                      </c:pt>
                      <c:pt idx="722">
                        <c:v>22.56</c:v>
                      </c:pt>
                      <c:pt idx="723">
                        <c:v>22.59</c:v>
                      </c:pt>
                      <c:pt idx="724">
                        <c:v>22.63</c:v>
                      </c:pt>
                      <c:pt idx="725">
                        <c:v>22.66</c:v>
                      </c:pt>
                      <c:pt idx="726">
                        <c:v>22.69</c:v>
                      </c:pt>
                      <c:pt idx="727">
                        <c:v>22.72</c:v>
                      </c:pt>
                      <c:pt idx="728">
                        <c:v>22.75</c:v>
                      </c:pt>
                      <c:pt idx="729">
                        <c:v>22.78</c:v>
                      </c:pt>
                      <c:pt idx="730">
                        <c:v>22.81</c:v>
                      </c:pt>
                      <c:pt idx="731">
                        <c:v>22.84</c:v>
                      </c:pt>
                      <c:pt idx="732">
                        <c:v>22.88</c:v>
                      </c:pt>
                      <c:pt idx="733">
                        <c:v>22.91</c:v>
                      </c:pt>
                      <c:pt idx="734">
                        <c:v>22.94</c:v>
                      </c:pt>
                      <c:pt idx="735">
                        <c:v>22.97</c:v>
                      </c:pt>
                      <c:pt idx="736">
                        <c:v>23</c:v>
                      </c:pt>
                      <c:pt idx="737">
                        <c:v>23.03</c:v>
                      </c:pt>
                      <c:pt idx="738">
                        <c:v>23.06</c:v>
                      </c:pt>
                      <c:pt idx="739">
                        <c:v>23.09</c:v>
                      </c:pt>
                      <c:pt idx="740">
                        <c:v>23.13</c:v>
                      </c:pt>
                      <c:pt idx="741">
                        <c:v>23.16</c:v>
                      </c:pt>
                      <c:pt idx="742">
                        <c:v>23.19</c:v>
                      </c:pt>
                      <c:pt idx="743">
                        <c:v>23.22</c:v>
                      </c:pt>
                      <c:pt idx="744">
                        <c:v>23.25</c:v>
                      </c:pt>
                      <c:pt idx="745">
                        <c:v>23.28</c:v>
                      </c:pt>
                      <c:pt idx="746">
                        <c:v>23.31</c:v>
                      </c:pt>
                      <c:pt idx="747">
                        <c:v>23.34</c:v>
                      </c:pt>
                      <c:pt idx="748">
                        <c:v>23.38</c:v>
                      </c:pt>
                      <c:pt idx="749">
                        <c:v>23.41</c:v>
                      </c:pt>
                      <c:pt idx="750">
                        <c:v>23.44</c:v>
                      </c:pt>
                      <c:pt idx="751">
                        <c:v>23.47</c:v>
                      </c:pt>
                      <c:pt idx="752">
                        <c:v>23.5</c:v>
                      </c:pt>
                      <c:pt idx="753">
                        <c:v>23.53</c:v>
                      </c:pt>
                      <c:pt idx="754">
                        <c:v>23.56</c:v>
                      </c:pt>
                      <c:pt idx="755">
                        <c:v>23.59</c:v>
                      </c:pt>
                      <c:pt idx="756">
                        <c:v>23.63</c:v>
                      </c:pt>
                      <c:pt idx="757">
                        <c:v>23.66</c:v>
                      </c:pt>
                      <c:pt idx="758">
                        <c:v>23.69</c:v>
                      </c:pt>
                      <c:pt idx="759">
                        <c:v>23.72</c:v>
                      </c:pt>
                      <c:pt idx="760">
                        <c:v>23.75</c:v>
                      </c:pt>
                      <c:pt idx="761">
                        <c:v>23.78</c:v>
                      </c:pt>
                      <c:pt idx="762">
                        <c:v>23.81</c:v>
                      </c:pt>
                      <c:pt idx="763">
                        <c:v>23.84</c:v>
                      </c:pt>
                      <c:pt idx="764">
                        <c:v>23.88</c:v>
                      </c:pt>
                      <c:pt idx="765">
                        <c:v>23.91</c:v>
                      </c:pt>
                      <c:pt idx="766">
                        <c:v>23.94</c:v>
                      </c:pt>
                      <c:pt idx="767">
                        <c:v>23.97</c:v>
                      </c:pt>
                      <c:pt idx="768">
                        <c:v>24</c:v>
                      </c:pt>
                      <c:pt idx="769">
                        <c:v>24.03</c:v>
                      </c:pt>
                      <c:pt idx="770">
                        <c:v>24.06</c:v>
                      </c:pt>
                      <c:pt idx="771">
                        <c:v>24.09</c:v>
                      </c:pt>
                      <c:pt idx="772">
                        <c:v>24.13</c:v>
                      </c:pt>
                      <c:pt idx="773">
                        <c:v>24.16</c:v>
                      </c:pt>
                      <c:pt idx="774">
                        <c:v>24.19</c:v>
                      </c:pt>
                      <c:pt idx="775">
                        <c:v>24.22</c:v>
                      </c:pt>
                      <c:pt idx="776">
                        <c:v>24.25</c:v>
                      </c:pt>
                      <c:pt idx="777">
                        <c:v>24.28</c:v>
                      </c:pt>
                      <c:pt idx="778">
                        <c:v>24.31</c:v>
                      </c:pt>
                      <c:pt idx="779">
                        <c:v>24.34</c:v>
                      </c:pt>
                      <c:pt idx="780">
                        <c:v>24.38</c:v>
                      </c:pt>
                      <c:pt idx="781">
                        <c:v>24.41</c:v>
                      </c:pt>
                      <c:pt idx="782">
                        <c:v>24.44</c:v>
                      </c:pt>
                      <c:pt idx="783">
                        <c:v>24.47</c:v>
                      </c:pt>
                      <c:pt idx="784">
                        <c:v>24.5</c:v>
                      </c:pt>
                      <c:pt idx="785">
                        <c:v>24.53</c:v>
                      </c:pt>
                      <c:pt idx="786">
                        <c:v>24.56</c:v>
                      </c:pt>
                      <c:pt idx="787">
                        <c:v>24.59</c:v>
                      </c:pt>
                      <c:pt idx="788">
                        <c:v>24.63</c:v>
                      </c:pt>
                      <c:pt idx="789">
                        <c:v>24.66</c:v>
                      </c:pt>
                      <c:pt idx="790">
                        <c:v>24.69</c:v>
                      </c:pt>
                      <c:pt idx="791">
                        <c:v>24.72</c:v>
                      </c:pt>
                      <c:pt idx="792">
                        <c:v>24.75</c:v>
                      </c:pt>
                      <c:pt idx="793">
                        <c:v>24.78</c:v>
                      </c:pt>
                      <c:pt idx="794">
                        <c:v>24.81</c:v>
                      </c:pt>
                      <c:pt idx="795">
                        <c:v>24.84</c:v>
                      </c:pt>
                      <c:pt idx="796">
                        <c:v>24.88</c:v>
                      </c:pt>
                      <c:pt idx="797">
                        <c:v>24.91</c:v>
                      </c:pt>
                      <c:pt idx="798">
                        <c:v>24.94</c:v>
                      </c:pt>
                      <c:pt idx="799">
                        <c:v>24.97</c:v>
                      </c:pt>
                      <c:pt idx="800">
                        <c:v>25</c:v>
                      </c:pt>
                      <c:pt idx="801">
                        <c:v>25.03</c:v>
                      </c:pt>
                      <c:pt idx="802">
                        <c:v>25.06</c:v>
                      </c:pt>
                      <c:pt idx="803">
                        <c:v>25.09</c:v>
                      </c:pt>
                      <c:pt idx="804">
                        <c:v>25.13</c:v>
                      </c:pt>
                      <c:pt idx="805">
                        <c:v>25.16</c:v>
                      </c:pt>
                      <c:pt idx="806">
                        <c:v>25.19</c:v>
                      </c:pt>
                      <c:pt idx="807">
                        <c:v>25.22</c:v>
                      </c:pt>
                      <c:pt idx="808">
                        <c:v>25.25</c:v>
                      </c:pt>
                      <c:pt idx="809">
                        <c:v>25.28</c:v>
                      </c:pt>
                      <c:pt idx="810">
                        <c:v>25.31</c:v>
                      </c:pt>
                      <c:pt idx="811">
                        <c:v>25.34</c:v>
                      </c:pt>
                      <c:pt idx="812">
                        <c:v>25.38</c:v>
                      </c:pt>
                      <c:pt idx="813">
                        <c:v>25.41</c:v>
                      </c:pt>
                      <c:pt idx="814">
                        <c:v>25.44</c:v>
                      </c:pt>
                      <c:pt idx="815">
                        <c:v>25.47</c:v>
                      </c:pt>
                      <c:pt idx="816">
                        <c:v>25.5</c:v>
                      </c:pt>
                      <c:pt idx="817">
                        <c:v>25.53</c:v>
                      </c:pt>
                      <c:pt idx="818">
                        <c:v>25.56</c:v>
                      </c:pt>
                      <c:pt idx="819">
                        <c:v>25.59</c:v>
                      </c:pt>
                      <c:pt idx="820">
                        <c:v>25.63</c:v>
                      </c:pt>
                      <c:pt idx="821">
                        <c:v>25.66</c:v>
                      </c:pt>
                      <c:pt idx="822">
                        <c:v>25.69</c:v>
                      </c:pt>
                      <c:pt idx="823">
                        <c:v>25.72</c:v>
                      </c:pt>
                      <c:pt idx="824">
                        <c:v>25.75</c:v>
                      </c:pt>
                      <c:pt idx="825">
                        <c:v>25.78</c:v>
                      </c:pt>
                      <c:pt idx="826">
                        <c:v>25.81</c:v>
                      </c:pt>
                      <c:pt idx="827">
                        <c:v>25.84</c:v>
                      </c:pt>
                      <c:pt idx="828">
                        <c:v>25.88</c:v>
                      </c:pt>
                      <c:pt idx="829">
                        <c:v>25.91</c:v>
                      </c:pt>
                      <c:pt idx="830">
                        <c:v>25.94</c:v>
                      </c:pt>
                      <c:pt idx="831">
                        <c:v>25.97</c:v>
                      </c:pt>
                      <c:pt idx="832">
                        <c:v>26</c:v>
                      </c:pt>
                      <c:pt idx="833">
                        <c:v>26.03</c:v>
                      </c:pt>
                      <c:pt idx="834">
                        <c:v>26.06</c:v>
                      </c:pt>
                      <c:pt idx="835">
                        <c:v>26.09</c:v>
                      </c:pt>
                      <c:pt idx="836">
                        <c:v>26.13</c:v>
                      </c:pt>
                      <c:pt idx="837">
                        <c:v>26.16</c:v>
                      </c:pt>
                      <c:pt idx="838">
                        <c:v>26.19</c:v>
                      </c:pt>
                      <c:pt idx="839">
                        <c:v>26.22</c:v>
                      </c:pt>
                      <c:pt idx="840">
                        <c:v>26.25</c:v>
                      </c:pt>
                      <c:pt idx="841">
                        <c:v>26.28</c:v>
                      </c:pt>
                      <c:pt idx="842">
                        <c:v>26.31</c:v>
                      </c:pt>
                      <c:pt idx="843">
                        <c:v>26.34</c:v>
                      </c:pt>
                      <c:pt idx="844">
                        <c:v>26.38</c:v>
                      </c:pt>
                      <c:pt idx="845">
                        <c:v>26.41</c:v>
                      </c:pt>
                      <c:pt idx="846">
                        <c:v>26.44</c:v>
                      </c:pt>
                      <c:pt idx="847">
                        <c:v>26.47</c:v>
                      </c:pt>
                      <c:pt idx="848">
                        <c:v>26.5</c:v>
                      </c:pt>
                      <c:pt idx="849">
                        <c:v>26.53</c:v>
                      </c:pt>
                      <c:pt idx="850">
                        <c:v>26.56</c:v>
                      </c:pt>
                      <c:pt idx="851">
                        <c:v>26.59</c:v>
                      </c:pt>
                      <c:pt idx="852">
                        <c:v>26.63</c:v>
                      </c:pt>
                      <c:pt idx="853">
                        <c:v>26.66</c:v>
                      </c:pt>
                      <c:pt idx="854">
                        <c:v>26.69</c:v>
                      </c:pt>
                      <c:pt idx="855">
                        <c:v>26.72</c:v>
                      </c:pt>
                      <c:pt idx="856">
                        <c:v>26.75</c:v>
                      </c:pt>
                      <c:pt idx="857">
                        <c:v>26.78</c:v>
                      </c:pt>
                      <c:pt idx="858">
                        <c:v>26.81</c:v>
                      </c:pt>
                      <c:pt idx="859">
                        <c:v>26.84</c:v>
                      </c:pt>
                      <c:pt idx="860">
                        <c:v>26.88</c:v>
                      </c:pt>
                      <c:pt idx="861">
                        <c:v>26.91</c:v>
                      </c:pt>
                      <c:pt idx="862">
                        <c:v>26.94</c:v>
                      </c:pt>
                      <c:pt idx="863">
                        <c:v>26.97</c:v>
                      </c:pt>
                      <c:pt idx="864">
                        <c:v>27</c:v>
                      </c:pt>
                      <c:pt idx="865">
                        <c:v>27.03</c:v>
                      </c:pt>
                      <c:pt idx="866">
                        <c:v>27.06</c:v>
                      </c:pt>
                      <c:pt idx="867">
                        <c:v>27.09</c:v>
                      </c:pt>
                      <c:pt idx="868">
                        <c:v>27.13</c:v>
                      </c:pt>
                      <c:pt idx="869">
                        <c:v>27.16</c:v>
                      </c:pt>
                      <c:pt idx="870">
                        <c:v>27.19</c:v>
                      </c:pt>
                      <c:pt idx="871">
                        <c:v>27.22</c:v>
                      </c:pt>
                      <c:pt idx="872">
                        <c:v>27.25</c:v>
                      </c:pt>
                      <c:pt idx="873">
                        <c:v>27.28</c:v>
                      </c:pt>
                      <c:pt idx="874">
                        <c:v>27.31</c:v>
                      </c:pt>
                      <c:pt idx="875">
                        <c:v>27.34</c:v>
                      </c:pt>
                      <c:pt idx="876">
                        <c:v>27.38</c:v>
                      </c:pt>
                      <c:pt idx="877">
                        <c:v>27.41</c:v>
                      </c:pt>
                      <c:pt idx="878">
                        <c:v>27.44</c:v>
                      </c:pt>
                      <c:pt idx="879">
                        <c:v>27.47</c:v>
                      </c:pt>
                      <c:pt idx="880">
                        <c:v>27.5</c:v>
                      </c:pt>
                      <c:pt idx="881">
                        <c:v>27.53</c:v>
                      </c:pt>
                      <c:pt idx="882">
                        <c:v>27.56</c:v>
                      </c:pt>
                      <c:pt idx="883">
                        <c:v>27.59</c:v>
                      </c:pt>
                      <c:pt idx="884">
                        <c:v>27.63</c:v>
                      </c:pt>
                      <c:pt idx="885">
                        <c:v>27.66</c:v>
                      </c:pt>
                      <c:pt idx="886">
                        <c:v>27.69</c:v>
                      </c:pt>
                      <c:pt idx="887">
                        <c:v>27.72</c:v>
                      </c:pt>
                      <c:pt idx="888">
                        <c:v>27.75</c:v>
                      </c:pt>
                      <c:pt idx="889">
                        <c:v>27.78</c:v>
                      </c:pt>
                      <c:pt idx="890">
                        <c:v>27.81</c:v>
                      </c:pt>
                      <c:pt idx="891">
                        <c:v>27.84</c:v>
                      </c:pt>
                      <c:pt idx="892">
                        <c:v>27.88</c:v>
                      </c:pt>
                      <c:pt idx="893">
                        <c:v>27.91</c:v>
                      </c:pt>
                      <c:pt idx="894">
                        <c:v>27.94</c:v>
                      </c:pt>
                      <c:pt idx="895">
                        <c:v>27.97</c:v>
                      </c:pt>
                      <c:pt idx="896">
                        <c:v>28</c:v>
                      </c:pt>
                      <c:pt idx="897">
                        <c:v>28.03</c:v>
                      </c:pt>
                      <c:pt idx="898">
                        <c:v>28.06</c:v>
                      </c:pt>
                      <c:pt idx="899">
                        <c:v>28.09</c:v>
                      </c:pt>
                      <c:pt idx="900">
                        <c:v>28.13</c:v>
                      </c:pt>
                      <c:pt idx="901">
                        <c:v>28.16</c:v>
                      </c:pt>
                      <c:pt idx="902">
                        <c:v>28.19</c:v>
                      </c:pt>
                      <c:pt idx="903">
                        <c:v>28.22</c:v>
                      </c:pt>
                      <c:pt idx="904">
                        <c:v>28.25</c:v>
                      </c:pt>
                      <c:pt idx="905">
                        <c:v>28.28</c:v>
                      </c:pt>
                      <c:pt idx="906">
                        <c:v>28.31</c:v>
                      </c:pt>
                      <c:pt idx="907">
                        <c:v>28.34</c:v>
                      </c:pt>
                      <c:pt idx="908">
                        <c:v>28.38</c:v>
                      </c:pt>
                      <c:pt idx="909">
                        <c:v>28.41</c:v>
                      </c:pt>
                      <c:pt idx="910">
                        <c:v>28.44</c:v>
                      </c:pt>
                      <c:pt idx="911">
                        <c:v>28.47</c:v>
                      </c:pt>
                      <c:pt idx="912">
                        <c:v>28.5</c:v>
                      </c:pt>
                      <c:pt idx="913">
                        <c:v>28.53</c:v>
                      </c:pt>
                      <c:pt idx="914">
                        <c:v>28.56</c:v>
                      </c:pt>
                      <c:pt idx="915">
                        <c:v>28.59</c:v>
                      </c:pt>
                      <c:pt idx="916">
                        <c:v>28.63</c:v>
                      </c:pt>
                      <c:pt idx="917">
                        <c:v>28.66</c:v>
                      </c:pt>
                      <c:pt idx="918">
                        <c:v>28.69</c:v>
                      </c:pt>
                      <c:pt idx="919">
                        <c:v>28.72</c:v>
                      </c:pt>
                      <c:pt idx="920">
                        <c:v>28.75</c:v>
                      </c:pt>
                      <c:pt idx="921">
                        <c:v>28.78</c:v>
                      </c:pt>
                      <c:pt idx="922">
                        <c:v>28.81</c:v>
                      </c:pt>
                      <c:pt idx="923">
                        <c:v>28.84</c:v>
                      </c:pt>
                      <c:pt idx="924">
                        <c:v>28.88</c:v>
                      </c:pt>
                      <c:pt idx="925">
                        <c:v>28.91</c:v>
                      </c:pt>
                      <c:pt idx="926">
                        <c:v>28.94</c:v>
                      </c:pt>
                      <c:pt idx="927">
                        <c:v>28.97</c:v>
                      </c:pt>
                      <c:pt idx="928">
                        <c:v>29</c:v>
                      </c:pt>
                      <c:pt idx="929">
                        <c:v>29.03</c:v>
                      </c:pt>
                      <c:pt idx="930">
                        <c:v>29.06</c:v>
                      </c:pt>
                      <c:pt idx="931">
                        <c:v>29.09</c:v>
                      </c:pt>
                      <c:pt idx="932">
                        <c:v>29.13</c:v>
                      </c:pt>
                      <c:pt idx="933">
                        <c:v>29.16</c:v>
                      </c:pt>
                      <c:pt idx="934">
                        <c:v>29.19</c:v>
                      </c:pt>
                      <c:pt idx="935">
                        <c:v>29.22</c:v>
                      </c:pt>
                      <c:pt idx="936">
                        <c:v>29.25</c:v>
                      </c:pt>
                      <c:pt idx="937">
                        <c:v>29.28</c:v>
                      </c:pt>
                      <c:pt idx="938">
                        <c:v>29.31</c:v>
                      </c:pt>
                      <c:pt idx="939">
                        <c:v>29.34</c:v>
                      </c:pt>
                      <c:pt idx="940">
                        <c:v>29.38</c:v>
                      </c:pt>
                      <c:pt idx="941">
                        <c:v>29.41</c:v>
                      </c:pt>
                      <c:pt idx="942">
                        <c:v>29.44</c:v>
                      </c:pt>
                      <c:pt idx="943">
                        <c:v>29.47</c:v>
                      </c:pt>
                      <c:pt idx="944">
                        <c:v>29.5</c:v>
                      </c:pt>
                      <c:pt idx="945">
                        <c:v>29.53</c:v>
                      </c:pt>
                      <c:pt idx="946">
                        <c:v>29.56</c:v>
                      </c:pt>
                      <c:pt idx="947">
                        <c:v>29.59</c:v>
                      </c:pt>
                      <c:pt idx="948">
                        <c:v>29.63</c:v>
                      </c:pt>
                      <c:pt idx="949">
                        <c:v>29.66</c:v>
                      </c:pt>
                      <c:pt idx="950">
                        <c:v>29.69</c:v>
                      </c:pt>
                      <c:pt idx="951">
                        <c:v>29.72</c:v>
                      </c:pt>
                      <c:pt idx="952">
                        <c:v>29.75</c:v>
                      </c:pt>
                      <c:pt idx="953">
                        <c:v>29.78</c:v>
                      </c:pt>
                      <c:pt idx="954">
                        <c:v>29.81</c:v>
                      </c:pt>
                      <c:pt idx="955">
                        <c:v>29.84</c:v>
                      </c:pt>
                      <c:pt idx="956">
                        <c:v>29.88</c:v>
                      </c:pt>
                      <c:pt idx="957">
                        <c:v>29.91</c:v>
                      </c:pt>
                      <c:pt idx="958">
                        <c:v>29.94</c:v>
                      </c:pt>
                      <c:pt idx="959">
                        <c:v>29.97</c:v>
                      </c:pt>
                      <c:pt idx="960">
                        <c:v>30</c:v>
                      </c:pt>
                      <c:pt idx="961">
                        <c:v>30.03</c:v>
                      </c:pt>
                      <c:pt idx="962">
                        <c:v>30.06</c:v>
                      </c:pt>
                      <c:pt idx="963">
                        <c:v>30.09</c:v>
                      </c:pt>
                      <c:pt idx="964">
                        <c:v>30.13</c:v>
                      </c:pt>
                      <c:pt idx="965">
                        <c:v>30.16</c:v>
                      </c:pt>
                      <c:pt idx="966">
                        <c:v>30.19</c:v>
                      </c:pt>
                      <c:pt idx="967">
                        <c:v>30.22</c:v>
                      </c:pt>
                      <c:pt idx="968">
                        <c:v>30.25</c:v>
                      </c:pt>
                      <c:pt idx="969">
                        <c:v>30.28</c:v>
                      </c:pt>
                      <c:pt idx="970">
                        <c:v>30.31</c:v>
                      </c:pt>
                      <c:pt idx="971">
                        <c:v>30.34</c:v>
                      </c:pt>
                      <c:pt idx="972">
                        <c:v>30.38</c:v>
                      </c:pt>
                      <c:pt idx="973">
                        <c:v>30.41</c:v>
                      </c:pt>
                      <c:pt idx="974">
                        <c:v>30.44</c:v>
                      </c:pt>
                      <c:pt idx="975">
                        <c:v>30.47</c:v>
                      </c:pt>
                      <c:pt idx="976">
                        <c:v>30.5</c:v>
                      </c:pt>
                      <c:pt idx="977">
                        <c:v>30.53</c:v>
                      </c:pt>
                      <c:pt idx="978">
                        <c:v>30.56</c:v>
                      </c:pt>
                      <c:pt idx="979">
                        <c:v>30.59</c:v>
                      </c:pt>
                      <c:pt idx="980">
                        <c:v>30.63</c:v>
                      </c:pt>
                      <c:pt idx="981">
                        <c:v>30.66</c:v>
                      </c:pt>
                      <c:pt idx="982">
                        <c:v>30.69</c:v>
                      </c:pt>
                      <c:pt idx="983">
                        <c:v>30.72</c:v>
                      </c:pt>
                      <c:pt idx="984">
                        <c:v>30.75</c:v>
                      </c:pt>
                      <c:pt idx="985">
                        <c:v>30.78</c:v>
                      </c:pt>
                      <c:pt idx="986">
                        <c:v>30.81</c:v>
                      </c:pt>
                      <c:pt idx="987">
                        <c:v>30.84</c:v>
                      </c:pt>
                      <c:pt idx="988">
                        <c:v>30.88</c:v>
                      </c:pt>
                      <c:pt idx="989">
                        <c:v>30.91</c:v>
                      </c:pt>
                      <c:pt idx="990">
                        <c:v>30.94</c:v>
                      </c:pt>
                      <c:pt idx="991">
                        <c:v>30.97</c:v>
                      </c:pt>
                      <c:pt idx="992">
                        <c:v>31</c:v>
                      </c:pt>
                      <c:pt idx="993">
                        <c:v>31.03</c:v>
                      </c:pt>
                      <c:pt idx="994">
                        <c:v>31.06</c:v>
                      </c:pt>
                      <c:pt idx="995">
                        <c:v>31.09</c:v>
                      </c:pt>
                      <c:pt idx="996">
                        <c:v>31.13</c:v>
                      </c:pt>
                      <c:pt idx="997">
                        <c:v>31.16</c:v>
                      </c:pt>
                      <c:pt idx="998">
                        <c:v>31.19</c:v>
                      </c:pt>
                      <c:pt idx="999">
                        <c:v>31.22</c:v>
                      </c:pt>
                      <c:pt idx="1000">
                        <c:v>31.25</c:v>
                      </c:pt>
                      <c:pt idx="1001">
                        <c:v>31.28</c:v>
                      </c:pt>
                      <c:pt idx="1002">
                        <c:v>31.31</c:v>
                      </c:pt>
                      <c:pt idx="1003">
                        <c:v>31.34</c:v>
                      </c:pt>
                      <c:pt idx="1004">
                        <c:v>31.38</c:v>
                      </c:pt>
                      <c:pt idx="1005">
                        <c:v>31.41</c:v>
                      </c:pt>
                      <c:pt idx="1006">
                        <c:v>31.44</c:v>
                      </c:pt>
                      <c:pt idx="1007">
                        <c:v>31.47</c:v>
                      </c:pt>
                      <c:pt idx="1008">
                        <c:v>31.5</c:v>
                      </c:pt>
                      <c:pt idx="1009">
                        <c:v>31.53</c:v>
                      </c:pt>
                      <c:pt idx="1010">
                        <c:v>31.56</c:v>
                      </c:pt>
                      <c:pt idx="1011">
                        <c:v>31.59</c:v>
                      </c:pt>
                      <c:pt idx="1012">
                        <c:v>31.63</c:v>
                      </c:pt>
                      <c:pt idx="1013">
                        <c:v>31.66</c:v>
                      </c:pt>
                      <c:pt idx="1014">
                        <c:v>31.69</c:v>
                      </c:pt>
                      <c:pt idx="1015">
                        <c:v>31.72</c:v>
                      </c:pt>
                      <c:pt idx="1016">
                        <c:v>31.75</c:v>
                      </c:pt>
                      <c:pt idx="1017">
                        <c:v>31.78</c:v>
                      </c:pt>
                      <c:pt idx="1018">
                        <c:v>31.81</c:v>
                      </c:pt>
                      <c:pt idx="1019">
                        <c:v>31.84</c:v>
                      </c:pt>
                      <c:pt idx="1020">
                        <c:v>31.88</c:v>
                      </c:pt>
                      <c:pt idx="1021">
                        <c:v>31.91</c:v>
                      </c:pt>
                      <c:pt idx="1022">
                        <c:v>31.94</c:v>
                      </c:pt>
                      <c:pt idx="1023">
                        <c:v>31.97</c:v>
                      </c:pt>
                      <c:pt idx="1024">
                        <c:v>32</c:v>
                      </c:pt>
                      <c:pt idx="1025">
                        <c:v>32.03</c:v>
                      </c:pt>
                      <c:pt idx="1026">
                        <c:v>32.06</c:v>
                      </c:pt>
                      <c:pt idx="1027">
                        <c:v>32.090000000000003</c:v>
                      </c:pt>
                      <c:pt idx="1028">
                        <c:v>32.130000000000003</c:v>
                      </c:pt>
                      <c:pt idx="1029">
                        <c:v>32.159999999999997</c:v>
                      </c:pt>
                      <c:pt idx="1030">
                        <c:v>32.19</c:v>
                      </c:pt>
                      <c:pt idx="1031">
                        <c:v>32.22</c:v>
                      </c:pt>
                      <c:pt idx="1032">
                        <c:v>32.25</c:v>
                      </c:pt>
                      <c:pt idx="1033">
                        <c:v>32.28</c:v>
                      </c:pt>
                      <c:pt idx="1034">
                        <c:v>32.31</c:v>
                      </c:pt>
                      <c:pt idx="1035">
                        <c:v>32.340000000000003</c:v>
                      </c:pt>
                      <c:pt idx="1036">
                        <c:v>32.380000000000003</c:v>
                      </c:pt>
                      <c:pt idx="1037">
                        <c:v>32.409999999999997</c:v>
                      </c:pt>
                      <c:pt idx="1038">
                        <c:v>32.44</c:v>
                      </c:pt>
                      <c:pt idx="1039">
                        <c:v>32.47</c:v>
                      </c:pt>
                      <c:pt idx="1040">
                        <c:v>32.5</c:v>
                      </c:pt>
                      <c:pt idx="1041">
                        <c:v>32.53</c:v>
                      </c:pt>
                      <c:pt idx="1042">
                        <c:v>32.56</c:v>
                      </c:pt>
                      <c:pt idx="1043">
                        <c:v>32.590000000000003</c:v>
                      </c:pt>
                      <c:pt idx="1044">
                        <c:v>32.630000000000003</c:v>
                      </c:pt>
                      <c:pt idx="1045">
                        <c:v>32.659999999999997</c:v>
                      </c:pt>
                      <c:pt idx="1046">
                        <c:v>32.69</c:v>
                      </c:pt>
                      <c:pt idx="1047">
                        <c:v>32.72</c:v>
                      </c:pt>
                      <c:pt idx="1048">
                        <c:v>32.75</c:v>
                      </c:pt>
                      <c:pt idx="1049">
                        <c:v>32.78</c:v>
                      </c:pt>
                      <c:pt idx="1050">
                        <c:v>32.81</c:v>
                      </c:pt>
                      <c:pt idx="1051">
                        <c:v>32.840000000000003</c:v>
                      </c:pt>
                      <c:pt idx="1052">
                        <c:v>32.880000000000003</c:v>
                      </c:pt>
                      <c:pt idx="1053">
                        <c:v>32.909999999999997</c:v>
                      </c:pt>
                      <c:pt idx="1054">
                        <c:v>32.94</c:v>
                      </c:pt>
                      <c:pt idx="1055">
                        <c:v>32.97</c:v>
                      </c:pt>
                      <c:pt idx="1056">
                        <c:v>33</c:v>
                      </c:pt>
                      <c:pt idx="1057">
                        <c:v>33.03</c:v>
                      </c:pt>
                      <c:pt idx="1058">
                        <c:v>33.06</c:v>
                      </c:pt>
                      <c:pt idx="1059">
                        <c:v>33.090000000000003</c:v>
                      </c:pt>
                      <c:pt idx="1060">
                        <c:v>33.130000000000003</c:v>
                      </c:pt>
                      <c:pt idx="1061">
                        <c:v>33.159999999999997</c:v>
                      </c:pt>
                      <c:pt idx="1062">
                        <c:v>33.19</c:v>
                      </c:pt>
                      <c:pt idx="1063">
                        <c:v>33.22</c:v>
                      </c:pt>
                      <c:pt idx="1064">
                        <c:v>33.25</c:v>
                      </c:pt>
                      <c:pt idx="1065">
                        <c:v>33.28</c:v>
                      </c:pt>
                      <c:pt idx="1066">
                        <c:v>33.31</c:v>
                      </c:pt>
                      <c:pt idx="1067">
                        <c:v>33.340000000000003</c:v>
                      </c:pt>
                      <c:pt idx="1068">
                        <c:v>33.380000000000003</c:v>
                      </c:pt>
                      <c:pt idx="1069">
                        <c:v>33.409999999999997</c:v>
                      </c:pt>
                      <c:pt idx="1070">
                        <c:v>33.44</c:v>
                      </c:pt>
                      <c:pt idx="1071">
                        <c:v>33.47</c:v>
                      </c:pt>
                      <c:pt idx="1072">
                        <c:v>33.5</c:v>
                      </c:pt>
                      <c:pt idx="1073">
                        <c:v>33.53</c:v>
                      </c:pt>
                      <c:pt idx="1074">
                        <c:v>33.56</c:v>
                      </c:pt>
                      <c:pt idx="1075">
                        <c:v>33.590000000000003</c:v>
                      </c:pt>
                      <c:pt idx="1076">
                        <c:v>33.630000000000003</c:v>
                      </c:pt>
                      <c:pt idx="1077">
                        <c:v>33.659999999999997</c:v>
                      </c:pt>
                      <c:pt idx="1078">
                        <c:v>33.69</c:v>
                      </c:pt>
                      <c:pt idx="1079">
                        <c:v>33.72</c:v>
                      </c:pt>
                      <c:pt idx="1080">
                        <c:v>33.75</c:v>
                      </c:pt>
                      <c:pt idx="1081">
                        <c:v>33.78</c:v>
                      </c:pt>
                      <c:pt idx="1082">
                        <c:v>33.81</c:v>
                      </c:pt>
                      <c:pt idx="1083">
                        <c:v>33.840000000000003</c:v>
                      </c:pt>
                      <c:pt idx="1084">
                        <c:v>33.880000000000003</c:v>
                      </c:pt>
                      <c:pt idx="1085">
                        <c:v>33.909999999999997</c:v>
                      </c:pt>
                      <c:pt idx="1086">
                        <c:v>33.94</c:v>
                      </c:pt>
                      <c:pt idx="1087">
                        <c:v>33.97</c:v>
                      </c:pt>
                      <c:pt idx="1088">
                        <c:v>34</c:v>
                      </c:pt>
                      <c:pt idx="1089">
                        <c:v>34.03</c:v>
                      </c:pt>
                      <c:pt idx="1090">
                        <c:v>34.06</c:v>
                      </c:pt>
                      <c:pt idx="1091">
                        <c:v>34.090000000000003</c:v>
                      </c:pt>
                      <c:pt idx="1092">
                        <c:v>34.130000000000003</c:v>
                      </c:pt>
                      <c:pt idx="1093">
                        <c:v>34.159999999999997</c:v>
                      </c:pt>
                      <c:pt idx="1094">
                        <c:v>34.19</c:v>
                      </c:pt>
                      <c:pt idx="1095">
                        <c:v>34.22</c:v>
                      </c:pt>
                      <c:pt idx="1096">
                        <c:v>34.25</c:v>
                      </c:pt>
                      <c:pt idx="1097">
                        <c:v>34.28</c:v>
                      </c:pt>
                      <c:pt idx="1098">
                        <c:v>34.31</c:v>
                      </c:pt>
                      <c:pt idx="1099">
                        <c:v>34.340000000000003</c:v>
                      </c:pt>
                      <c:pt idx="1100">
                        <c:v>34.380000000000003</c:v>
                      </c:pt>
                      <c:pt idx="1101">
                        <c:v>34.409999999999997</c:v>
                      </c:pt>
                      <c:pt idx="1102">
                        <c:v>34.44</c:v>
                      </c:pt>
                      <c:pt idx="1103">
                        <c:v>34.47</c:v>
                      </c:pt>
                      <c:pt idx="1104">
                        <c:v>34.5</c:v>
                      </c:pt>
                      <c:pt idx="1105">
                        <c:v>34.53</c:v>
                      </c:pt>
                      <c:pt idx="1106">
                        <c:v>34.56</c:v>
                      </c:pt>
                      <c:pt idx="1107">
                        <c:v>34.590000000000003</c:v>
                      </c:pt>
                      <c:pt idx="1108">
                        <c:v>34.630000000000003</c:v>
                      </c:pt>
                      <c:pt idx="1109">
                        <c:v>34.659999999999997</c:v>
                      </c:pt>
                      <c:pt idx="1110">
                        <c:v>34.69</c:v>
                      </c:pt>
                      <c:pt idx="1111">
                        <c:v>34.72</c:v>
                      </c:pt>
                      <c:pt idx="1112">
                        <c:v>34.75</c:v>
                      </c:pt>
                      <c:pt idx="1113">
                        <c:v>34.78</c:v>
                      </c:pt>
                      <c:pt idx="1114">
                        <c:v>34.81</c:v>
                      </c:pt>
                      <c:pt idx="1115">
                        <c:v>34.840000000000003</c:v>
                      </c:pt>
                      <c:pt idx="1116">
                        <c:v>34.880000000000003</c:v>
                      </c:pt>
                      <c:pt idx="1117">
                        <c:v>34.909999999999997</c:v>
                      </c:pt>
                      <c:pt idx="1118">
                        <c:v>34.94</c:v>
                      </c:pt>
                      <c:pt idx="1119">
                        <c:v>34.97</c:v>
                      </c:pt>
                      <c:pt idx="1120">
                        <c:v>35</c:v>
                      </c:pt>
                      <c:pt idx="1121">
                        <c:v>35.03</c:v>
                      </c:pt>
                      <c:pt idx="1122">
                        <c:v>35.06</c:v>
                      </c:pt>
                      <c:pt idx="1123">
                        <c:v>35.090000000000003</c:v>
                      </c:pt>
                      <c:pt idx="1124">
                        <c:v>35.130000000000003</c:v>
                      </c:pt>
                      <c:pt idx="1125">
                        <c:v>35.159999999999997</c:v>
                      </c:pt>
                      <c:pt idx="1126">
                        <c:v>35.19</c:v>
                      </c:pt>
                      <c:pt idx="1127">
                        <c:v>35.22</c:v>
                      </c:pt>
                      <c:pt idx="1128">
                        <c:v>35.25</c:v>
                      </c:pt>
                      <c:pt idx="1129">
                        <c:v>35.28</c:v>
                      </c:pt>
                      <c:pt idx="1130">
                        <c:v>35.31</c:v>
                      </c:pt>
                      <c:pt idx="1131">
                        <c:v>35.340000000000003</c:v>
                      </c:pt>
                      <c:pt idx="1132">
                        <c:v>35.380000000000003</c:v>
                      </c:pt>
                      <c:pt idx="1133">
                        <c:v>35.409999999999997</c:v>
                      </c:pt>
                      <c:pt idx="1134">
                        <c:v>35.44</c:v>
                      </c:pt>
                      <c:pt idx="1135">
                        <c:v>35.47</c:v>
                      </c:pt>
                      <c:pt idx="1136">
                        <c:v>35.5</c:v>
                      </c:pt>
                      <c:pt idx="1137">
                        <c:v>35.53</c:v>
                      </c:pt>
                      <c:pt idx="1138">
                        <c:v>35.56</c:v>
                      </c:pt>
                      <c:pt idx="1139">
                        <c:v>35.590000000000003</c:v>
                      </c:pt>
                      <c:pt idx="1140">
                        <c:v>35.630000000000003</c:v>
                      </c:pt>
                      <c:pt idx="1141">
                        <c:v>35.659999999999997</c:v>
                      </c:pt>
                      <c:pt idx="1142">
                        <c:v>35.69</c:v>
                      </c:pt>
                      <c:pt idx="1143">
                        <c:v>35.72</c:v>
                      </c:pt>
                      <c:pt idx="1144">
                        <c:v>35.75</c:v>
                      </c:pt>
                      <c:pt idx="1145">
                        <c:v>35.78</c:v>
                      </c:pt>
                      <c:pt idx="1146">
                        <c:v>35.81</c:v>
                      </c:pt>
                      <c:pt idx="1147">
                        <c:v>35.840000000000003</c:v>
                      </c:pt>
                      <c:pt idx="1148">
                        <c:v>35.880000000000003</c:v>
                      </c:pt>
                      <c:pt idx="1149">
                        <c:v>35.909999999999997</c:v>
                      </c:pt>
                      <c:pt idx="1150">
                        <c:v>35.94</c:v>
                      </c:pt>
                      <c:pt idx="1151">
                        <c:v>35.97</c:v>
                      </c:pt>
                      <c:pt idx="1152">
                        <c:v>36</c:v>
                      </c:pt>
                      <c:pt idx="1153">
                        <c:v>36.03</c:v>
                      </c:pt>
                      <c:pt idx="1154">
                        <c:v>36.06</c:v>
                      </c:pt>
                      <c:pt idx="1155">
                        <c:v>36.090000000000003</c:v>
                      </c:pt>
                      <c:pt idx="1156">
                        <c:v>36.130000000000003</c:v>
                      </c:pt>
                      <c:pt idx="1157">
                        <c:v>36.159999999999997</c:v>
                      </c:pt>
                      <c:pt idx="1158">
                        <c:v>36.19</c:v>
                      </c:pt>
                      <c:pt idx="1159">
                        <c:v>36.22</c:v>
                      </c:pt>
                      <c:pt idx="1160">
                        <c:v>36.25</c:v>
                      </c:pt>
                      <c:pt idx="1161">
                        <c:v>36.28</c:v>
                      </c:pt>
                      <c:pt idx="1162">
                        <c:v>36.31</c:v>
                      </c:pt>
                      <c:pt idx="1163">
                        <c:v>36.340000000000003</c:v>
                      </c:pt>
                      <c:pt idx="1164">
                        <c:v>36.380000000000003</c:v>
                      </c:pt>
                      <c:pt idx="1165">
                        <c:v>36.409999999999997</c:v>
                      </c:pt>
                      <c:pt idx="1166">
                        <c:v>36.44</c:v>
                      </c:pt>
                      <c:pt idx="1167">
                        <c:v>36.47</c:v>
                      </c:pt>
                      <c:pt idx="1168">
                        <c:v>36.5</c:v>
                      </c:pt>
                      <c:pt idx="1169">
                        <c:v>36.53</c:v>
                      </c:pt>
                      <c:pt idx="1170">
                        <c:v>36.56</c:v>
                      </c:pt>
                      <c:pt idx="1171">
                        <c:v>36.590000000000003</c:v>
                      </c:pt>
                      <c:pt idx="1172">
                        <c:v>36.630000000000003</c:v>
                      </c:pt>
                      <c:pt idx="1173">
                        <c:v>36.659999999999997</c:v>
                      </c:pt>
                      <c:pt idx="1174">
                        <c:v>36.69</c:v>
                      </c:pt>
                      <c:pt idx="1175">
                        <c:v>36.72</c:v>
                      </c:pt>
                      <c:pt idx="1176">
                        <c:v>36.75</c:v>
                      </c:pt>
                      <c:pt idx="1177">
                        <c:v>36.78</c:v>
                      </c:pt>
                      <c:pt idx="1178">
                        <c:v>36.81</c:v>
                      </c:pt>
                      <c:pt idx="1179">
                        <c:v>36.840000000000003</c:v>
                      </c:pt>
                      <c:pt idx="1180">
                        <c:v>36.880000000000003</c:v>
                      </c:pt>
                      <c:pt idx="1181">
                        <c:v>36.909999999999997</c:v>
                      </c:pt>
                      <c:pt idx="1182">
                        <c:v>36.94</c:v>
                      </c:pt>
                      <c:pt idx="1183">
                        <c:v>36.97</c:v>
                      </c:pt>
                      <c:pt idx="1184">
                        <c:v>37</c:v>
                      </c:pt>
                      <c:pt idx="1185">
                        <c:v>37.03</c:v>
                      </c:pt>
                      <c:pt idx="1186">
                        <c:v>37.06</c:v>
                      </c:pt>
                      <c:pt idx="1187">
                        <c:v>37.090000000000003</c:v>
                      </c:pt>
                      <c:pt idx="1188">
                        <c:v>37.130000000000003</c:v>
                      </c:pt>
                      <c:pt idx="1189">
                        <c:v>37.159999999999997</c:v>
                      </c:pt>
                      <c:pt idx="1190">
                        <c:v>37.19</c:v>
                      </c:pt>
                      <c:pt idx="1191">
                        <c:v>37.22</c:v>
                      </c:pt>
                      <c:pt idx="1192">
                        <c:v>37.25</c:v>
                      </c:pt>
                      <c:pt idx="1193">
                        <c:v>37.28</c:v>
                      </c:pt>
                      <c:pt idx="1194">
                        <c:v>37.31</c:v>
                      </c:pt>
                      <c:pt idx="1195">
                        <c:v>37.340000000000003</c:v>
                      </c:pt>
                      <c:pt idx="1196">
                        <c:v>37.380000000000003</c:v>
                      </c:pt>
                      <c:pt idx="1197">
                        <c:v>37.409999999999997</c:v>
                      </c:pt>
                      <c:pt idx="1198">
                        <c:v>37.44</c:v>
                      </c:pt>
                      <c:pt idx="1199">
                        <c:v>37.47</c:v>
                      </c:pt>
                      <c:pt idx="1200">
                        <c:v>37.5</c:v>
                      </c:pt>
                      <c:pt idx="1201">
                        <c:v>37.53</c:v>
                      </c:pt>
                      <c:pt idx="1202">
                        <c:v>37.56</c:v>
                      </c:pt>
                      <c:pt idx="1203">
                        <c:v>37.590000000000003</c:v>
                      </c:pt>
                      <c:pt idx="1204">
                        <c:v>37.630000000000003</c:v>
                      </c:pt>
                      <c:pt idx="1205">
                        <c:v>37.659999999999997</c:v>
                      </c:pt>
                      <c:pt idx="1206">
                        <c:v>37.69</c:v>
                      </c:pt>
                      <c:pt idx="1207">
                        <c:v>37.72</c:v>
                      </c:pt>
                      <c:pt idx="1208">
                        <c:v>37.75</c:v>
                      </c:pt>
                      <c:pt idx="1209">
                        <c:v>37.78</c:v>
                      </c:pt>
                      <c:pt idx="1210">
                        <c:v>37.81</c:v>
                      </c:pt>
                      <c:pt idx="1211">
                        <c:v>37.840000000000003</c:v>
                      </c:pt>
                      <c:pt idx="1212">
                        <c:v>37.880000000000003</c:v>
                      </c:pt>
                      <c:pt idx="1213">
                        <c:v>37.909999999999997</c:v>
                      </c:pt>
                      <c:pt idx="1214">
                        <c:v>37.94</c:v>
                      </c:pt>
                      <c:pt idx="1215">
                        <c:v>37.97</c:v>
                      </c:pt>
                      <c:pt idx="1216">
                        <c:v>38</c:v>
                      </c:pt>
                      <c:pt idx="1217">
                        <c:v>38.03</c:v>
                      </c:pt>
                      <c:pt idx="1218">
                        <c:v>38.06</c:v>
                      </c:pt>
                      <c:pt idx="1219">
                        <c:v>38.090000000000003</c:v>
                      </c:pt>
                      <c:pt idx="1220">
                        <c:v>38.130000000000003</c:v>
                      </c:pt>
                      <c:pt idx="1221">
                        <c:v>38.159999999999997</c:v>
                      </c:pt>
                      <c:pt idx="1222">
                        <c:v>38.19</c:v>
                      </c:pt>
                      <c:pt idx="1223">
                        <c:v>38.22</c:v>
                      </c:pt>
                      <c:pt idx="1224">
                        <c:v>38.25</c:v>
                      </c:pt>
                      <c:pt idx="1225">
                        <c:v>38.28</c:v>
                      </c:pt>
                      <c:pt idx="1226">
                        <c:v>38.31</c:v>
                      </c:pt>
                      <c:pt idx="1227">
                        <c:v>38.340000000000003</c:v>
                      </c:pt>
                      <c:pt idx="1228">
                        <c:v>38.380000000000003</c:v>
                      </c:pt>
                      <c:pt idx="1229">
                        <c:v>38.409999999999997</c:v>
                      </c:pt>
                      <c:pt idx="1230">
                        <c:v>38.44</c:v>
                      </c:pt>
                      <c:pt idx="1231">
                        <c:v>38.47</c:v>
                      </c:pt>
                      <c:pt idx="1232">
                        <c:v>38.5</c:v>
                      </c:pt>
                      <c:pt idx="1233">
                        <c:v>38.53</c:v>
                      </c:pt>
                      <c:pt idx="1234">
                        <c:v>38.56</c:v>
                      </c:pt>
                      <c:pt idx="1235">
                        <c:v>38.590000000000003</c:v>
                      </c:pt>
                      <c:pt idx="1236">
                        <c:v>38.630000000000003</c:v>
                      </c:pt>
                      <c:pt idx="1237">
                        <c:v>38.659999999999997</c:v>
                      </c:pt>
                      <c:pt idx="1238">
                        <c:v>38.69</c:v>
                      </c:pt>
                      <c:pt idx="1239">
                        <c:v>38.72</c:v>
                      </c:pt>
                      <c:pt idx="1240">
                        <c:v>38.75</c:v>
                      </c:pt>
                      <c:pt idx="1241">
                        <c:v>38.78</c:v>
                      </c:pt>
                      <c:pt idx="1242">
                        <c:v>38.81</c:v>
                      </c:pt>
                      <c:pt idx="1243">
                        <c:v>38.840000000000003</c:v>
                      </c:pt>
                      <c:pt idx="1244">
                        <c:v>38.880000000000003</c:v>
                      </c:pt>
                      <c:pt idx="1245">
                        <c:v>38.909999999999997</c:v>
                      </c:pt>
                      <c:pt idx="1246">
                        <c:v>38.94</c:v>
                      </c:pt>
                      <c:pt idx="1247">
                        <c:v>38.97</c:v>
                      </c:pt>
                      <c:pt idx="1248">
                        <c:v>39</c:v>
                      </c:pt>
                      <c:pt idx="1249">
                        <c:v>39.03</c:v>
                      </c:pt>
                      <c:pt idx="1250">
                        <c:v>39.06</c:v>
                      </c:pt>
                      <c:pt idx="1251">
                        <c:v>39.090000000000003</c:v>
                      </c:pt>
                      <c:pt idx="1252">
                        <c:v>39.130000000000003</c:v>
                      </c:pt>
                      <c:pt idx="1253">
                        <c:v>39.159999999999997</c:v>
                      </c:pt>
                      <c:pt idx="1254">
                        <c:v>39.19</c:v>
                      </c:pt>
                      <c:pt idx="1255">
                        <c:v>39.22</c:v>
                      </c:pt>
                      <c:pt idx="1256">
                        <c:v>39.25</c:v>
                      </c:pt>
                      <c:pt idx="1257">
                        <c:v>39.28</c:v>
                      </c:pt>
                      <c:pt idx="1258">
                        <c:v>39.31</c:v>
                      </c:pt>
                      <c:pt idx="1259">
                        <c:v>39.340000000000003</c:v>
                      </c:pt>
                      <c:pt idx="1260">
                        <c:v>39.380000000000003</c:v>
                      </c:pt>
                      <c:pt idx="1261">
                        <c:v>39.409999999999997</c:v>
                      </c:pt>
                      <c:pt idx="1262">
                        <c:v>39.44</c:v>
                      </c:pt>
                      <c:pt idx="1263">
                        <c:v>39.47</c:v>
                      </c:pt>
                      <c:pt idx="1264">
                        <c:v>39.5</c:v>
                      </c:pt>
                      <c:pt idx="1265">
                        <c:v>39.53</c:v>
                      </c:pt>
                      <c:pt idx="1266">
                        <c:v>39.56</c:v>
                      </c:pt>
                      <c:pt idx="1267">
                        <c:v>39.590000000000003</c:v>
                      </c:pt>
                      <c:pt idx="1268">
                        <c:v>39.630000000000003</c:v>
                      </c:pt>
                      <c:pt idx="1269">
                        <c:v>39.659999999999997</c:v>
                      </c:pt>
                      <c:pt idx="1270">
                        <c:v>39.69</c:v>
                      </c:pt>
                      <c:pt idx="1271">
                        <c:v>39.72</c:v>
                      </c:pt>
                      <c:pt idx="1272">
                        <c:v>39.75</c:v>
                      </c:pt>
                      <c:pt idx="1273">
                        <c:v>39.78</c:v>
                      </c:pt>
                      <c:pt idx="1274">
                        <c:v>39.81</c:v>
                      </c:pt>
                      <c:pt idx="1275">
                        <c:v>39.840000000000003</c:v>
                      </c:pt>
                      <c:pt idx="1276">
                        <c:v>39.880000000000003</c:v>
                      </c:pt>
                      <c:pt idx="1277">
                        <c:v>39.909999999999997</c:v>
                      </c:pt>
                      <c:pt idx="1278">
                        <c:v>39.94</c:v>
                      </c:pt>
                      <c:pt idx="1279">
                        <c:v>39.97</c:v>
                      </c:pt>
                      <c:pt idx="1280">
                        <c:v>40</c:v>
                      </c:pt>
                      <c:pt idx="1281">
                        <c:v>40.03</c:v>
                      </c:pt>
                      <c:pt idx="1282">
                        <c:v>40.06</c:v>
                      </c:pt>
                      <c:pt idx="1283">
                        <c:v>40.090000000000003</c:v>
                      </c:pt>
                      <c:pt idx="1284">
                        <c:v>40.130000000000003</c:v>
                      </c:pt>
                      <c:pt idx="1285">
                        <c:v>40.159999999999997</c:v>
                      </c:pt>
                      <c:pt idx="1286">
                        <c:v>40.19</c:v>
                      </c:pt>
                      <c:pt idx="1287">
                        <c:v>40.22</c:v>
                      </c:pt>
                      <c:pt idx="1288">
                        <c:v>40.25</c:v>
                      </c:pt>
                      <c:pt idx="1289">
                        <c:v>40.28</c:v>
                      </c:pt>
                      <c:pt idx="1290">
                        <c:v>40.31</c:v>
                      </c:pt>
                      <c:pt idx="1291">
                        <c:v>40.340000000000003</c:v>
                      </c:pt>
                      <c:pt idx="1292">
                        <c:v>40.380000000000003</c:v>
                      </c:pt>
                      <c:pt idx="1293">
                        <c:v>40.409999999999997</c:v>
                      </c:pt>
                      <c:pt idx="1294">
                        <c:v>40.44</c:v>
                      </c:pt>
                      <c:pt idx="1295">
                        <c:v>40.47</c:v>
                      </c:pt>
                      <c:pt idx="1296">
                        <c:v>40.5</c:v>
                      </c:pt>
                      <c:pt idx="1297">
                        <c:v>40.53</c:v>
                      </c:pt>
                      <c:pt idx="1298">
                        <c:v>40.56</c:v>
                      </c:pt>
                      <c:pt idx="1299">
                        <c:v>40.590000000000003</c:v>
                      </c:pt>
                      <c:pt idx="1300">
                        <c:v>40.630000000000003</c:v>
                      </c:pt>
                      <c:pt idx="1301">
                        <c:v>40.659999999999997</c:v>
                      </c:pt>
                      <c:pt idx="1302">
                        <c:v>40.69</c:v>
                      </c:pt>
                      <c:pt idx="1303">
                        <c:v>40.72</c:v>
                      </c:pt>
                      <c:pt idx="1304">
                        <c:v>40.75</c:v>
                      </c:pt>
                      <c:pt idx="1305">
                        <c:v>40.78</c:v>
                      </c:pt>
                      <c:pt idx="1306">
                        <c:v>40.81</c:v>
                      </c:pt>
                      <c:pt idx="1307">
                        <c:v>40.840000000000003</c:v>
                      </c:pt>
                      <c:pt idx="1308">
                        <c:v>40.880000000000003</c:v>
                      </c:pt>
                      <c:pt idx="1309">
                        <c:v>40.909999999999997</c:v>
                      </c:pt>
                      <c:pt idx="1310">
                        <c:v>40.94</c:v>
                      </c:pt>
                      <c:pt idx="1311">
                        <c:v>40.97</c:v>
                      </c:pt>
                      <c:pt idx="1312">
                        <c:v>41</c:v>
                      </c:pt>
                      <c:pt idx="1313">
                        <c:v>41.03</c:v>
                      </c:pt>
                      <c:pt idx="1314">
                        <c:v>41.06</c:v>
                      </c:pt>
                      <c:pt idx="1315">
                        <c:v>41.09</c:v>
                      </c:pt>
                      <c:pt idx="1316">
                        <c:v>41.13</c:v>
                      </c:pt>
                      <c:pt idx="1317">
                        <c:v>41.16</c:v>
                      </c:pt>
                      <c:pt idx="1318">
                        <c:v>41.19</c:v>
                      </c:pt>
                      <c:pt idx="1319">
                        <c:v>41.22</c:v>
                      </c:pt>
                      <c:pt idx="1320">
                        <c:v>41.25</c:v>
                      </c:pt>
                      <c:pt idx="1321">
                        <c:v>41.28</c:v>
                      </c:pt>
                      <c:pt idx="1322">
                        <c:v>41.31</c:v>
                      </c:pt>
                      <c:pt idx="1323">
                        <c:v>41.34</c:v>
                      </c:pt>
                      <c:pt idx="1324">
                        <c:v>41.38</c:v>
                      </c:pt>
                      <c:pt idx="1325">
                        <c:v>41.41</c:v>
                      </c:pt>
                      <c:pt idx="1326">
                        <c:v>41.44</c:v>
                      </c:pt>
                      <c:pt idx="1327">
                        <c:v>41.47</c:v>
                      </c:pt>
                      <c:pt idx="1328">
                        <c:v>41.5</c:v>
                      </c:pt>
                      <c:pt idx="1329">
                        <c:v>41.53</c:v>
                      </c:pt>
                      <c:pt idx="1330">
                        <c:v>41.56</c:v>
                      </c:pt>
                      <c:pt idx="1331">
                        <c:v>41.59</c:v>
                      </c:pt>
                      <c:pt idx="1332">
                        <c:v>41.63</c:v>
                      </c:pt>
                      <c:pt idx="1333">
                        <c:v>41.66</c:v>
                      </c:pt>
                      <c:pt idx="1334">
                        <c:v>41.69</c:v>
                      </c:pt>
                      <c:pt idx="1335">
                        <c:v>41.72</c:v>
                      </c:pt>
                      <c:pt idx="1336">
                        <c:v>41.75</c:v>
                      </c:pt>
                      <c:pt idx="1337">
                        <c:v>41.78</c:v>
                      </c:pt>
                      <c:pt idx="1338">
                        <c:v>41.81</c:v>
                      </c:pt>
                      <c:pt idx="1339">
                        <c:v>41.84</c:v>
                      </c:pt>
                      <c:pt idx="1340">
                        <c:v>41.88</c:v>
                      </c:pt>
                      <c:pt idx="1341">
                        <c:v>41.91</c:v>
                      </c:pt>
                      <c:pt idx="1342">
                        <c:v>41.94</c:v>
                      </c:pt>
                      <c:pt idx="1343">
                        <c:v>41.97</c:v>
                      </c:pt>
                      <c:pt idx="1344">
                        <c:v>42</c:v>
                      </c:pt>
                      <c:pt idx="1345">
                        <c:v>42.03</c:v>
                      </c:pt>
                      <c:pt idx="1346">
                        <c:v>42.06</c:v>
                      </c:pt>
                      <c:pt idx="1347">
                        <c:v>42.09</c:v>
                      </c:pt>
                      <c:pt idx="1348">
                        <c:v>42.13</c:v>
                      </c:pt>
                      <c:pt idx="1349">
                        <c:v>42.16</c:v>
                      </c:pt>
                      <c:pt idx="1350">
                        <c:v>42.19</c:v>
                      </c:pt>
                      <c:pt idx="1351">
                        <c:v>42.22</c:v>
                      </c:pt>
                      <c:pt idx="1352">
                        <c:v>42.25</c:v>
                      </c:pt>
                      <c:pt idx="1353">
                        <c:v>42.28</c:v>
                      </c:pt>
                      <c:pt idx="1354">
                        <c:v>42.31</c:v>
                      </c:pt>
                      <c:pt idx="1355">
                        <c:v>42.34</c:v>
                      </c:pt>
                      <c:pt idx="1356">
                        <c:v>42.38</c:v>
                      </c:pt>
                      <c:pt idx="1357">
                        <c:v>42.41</c:v>
                      </c:pt>
                      <c:pt idx="1358">
                        <c:v>42.44</c:v>
                      </c:pt>
                      <c:pt idx="1359">
                        <c:v>42.47</c:v>
                      </c:pt>
                      <c:pt idx="1360">
                        <c:v>42.5</c:v>
                      </c:pt>
                      <c:pt idx="1361">
                        <c:v>42.53</c:v>
                      </c:pt>
                      <c:pt idx="1362">
                        <c:v>42.56</c:v>
                      </c:pt>
                      <c:pt idx="1363">
                        <c:v>42.59</c:v>
                      </c:pt>
                      <c:pt idx="1364">
                        <c:v>42.63</c:v>
                      </c:pt>
                      <c:pt idx="1365">
                        <c:v>42.66</c:v>
                      </c:pt>
                      <c:pt idx="1366">
                        <c:v>42.69</c:v>
                      </c:pt>
                      <c:pt idx="1367">
                        <c:v>42.72</c:v>
                      </c:pt>
                      <c:pt idx="1368">
                        <c:v>42.75</c:v>
                      </c:pt>
                      <c:pt idx="1369">
                        <c:v>42.78</c:v>
                      </c:pt>
                      <c:pt idx="1370">
                        <c:v>42.81</c:v>
                      </c:pt>
                      <c:pt idx="1371">
                        <c:v>42.84</c:v>
                      </c:pt>
                      <c:pt idx="1372">
                        <c:v>42.88</c:v>
                      </c:pt>
                      <c:pt idx="1373">
                        <c:v>42.91</c:v>
                      </c:pt>
                      <c:pt idx="1374">
                        <c:v>42.94</c:v>
                      </c:pt>
                      <c:pt idx="1375">
                        <c:v>42.97</c:v>
                      </c:pt>
                      <c:pt idx="1376">
                        <c:v>43</c:v>
                      </c:pt>
                      <c:pt idx="1377">
                        <c:v>43.03</c:v>
                      </c:pt>
                      <c:pt idx="1378">
                        <c:v>43.06</c:v>
                      </c:pt>
                      <c:pt idx="1379">
                        <c:v>43.09</c:v>
                      </c:pt>
                      <c:pt idx="1380">
                        <c:v>43.13</c:v>
                      </c:pt>
                      <c:pt idx="1381">
                        <c:v>43.16</c:v>
                      </c:pt>
                      <c:pt idx="1382">
                        <c:v>43.19</c:v>
                      </c:pt>
                      <c:pt idx="1383">
                        <c:v>43.22</c:v>
                      </c:pt>
                      <c:pt idx="1384">
                        <c:v>43.25</c:v>
                      </c:pt>
                      <c:pt idx="1385">
                        <c:v>43.28</c:v>
                      </c:pt>
                      <c:pt idx="1386">
                        <c:v>43.31</c:v>
                      </c:pt>
                      <c:pt idx="1387">
                        <c:v>43.34</c:v>
                      </c:pt>
                      <c:pt idx="1388">
                        <c:v>43.38</c:v>
                      </c:pt>
                      <c:pt idx="1389">
                        <c:v>43.41</c:v>
                      </c:pt>
                      <c:pt idx="1390">
                        <c:v>43.44</c:v>
                      </c:pt>
                      <c:pt idx="1391">
                        <c:v>43.47</c:v>
                      </c:pt>
                      <c:pt idx="1392">
                        <c:v>43.5</c:v>
                      </c:pt>
                      <c:pt idx="1393">
                        <c:v>43.53</c:v>
                      </c:pt>
                      <c:pt idx="1394">
                        <c:v>43.56</c:v>
                      </c:pt>
                      <c:pt idx="1395">
                        <c:v>43.59</c:v>
                      </c:pt>
                      <c:pt idx="1396">
                        <c:v>43.63</c:v>
                      </c:pt>
                      <c:pt idx="1397">
                        <c:v>43.66</c:v>
                      </c:pt>
                      <c:pt idx="1398">
                        <c:v>43.69</c:v>
                      </c:pt>
                      <c:pt idx="1399">
                        <c:v>43.72</c:v>
                      </c:pt>
                      <c:pt idx="1400">
                        <c:v>43.75</c:v>
                      </c:pt>
                      <c:pt idx="1401">
                        <c:v>43.78</c:v>
                      </c:pt>
                      <c:pt idx="1402">
                        <c:v>43.81</c:v>
                      </c:pt>
                      <c:pt idx="1403">
                        <c:v>43.84</c:v>
                      </c:pt>
                      <c:pt idx="1404">
                        <c:v>43.88</c:v>
                      </c:pt>
                      <c:pt idx="1405">
                        <c:v>43.91</c:v>
                      </c:pt>
                      <c:pt idx="1406">
                        <c:v>43.94</c:v>
                      </c:pt>
                      <c:pt idx="1407">
                        <c:v>43.97</c:v>
                      </c:pt>
                      <c:pt idx="1408">
                        <c:v>44</c:v>
                      </c:pt>
                      <c:pt idx="1409">
                        <c:v>44.03</c:v>
                      </c:pt>
                      <c:pt idx="1410">
                        <c:v>44.06</c:v>
                      </c:pt>
                      <c:pt idx="1411">
                        <c:v>44.09</c:v>
                      </c:pt>
                      <c:pt idx="1412">
                        <c:v>44.13</c:v>
                      </c:pt>
                      <c:pt idx="1413">
                        <c:v>44.16</c:v>
                      </c:pt>
                      <c:pt idx="1414">
                        <c:v>44.19</c:v>
                      </c:pt>
                      <c:pt idx="1415">
                        <c:v>44.22</c:v>
                      </c:pt>
                      <c:pt idx="1416">
                        <c:v>44.25</c:v>
                      </c:pt>
                      <c:pt idx="1417">
                        <c:v>44.28</c:v>
                      </c:pt>
                      <c:pt idx="1418">
                        <c:v>44.31</c:v>
                      </c:pt>
                      <c:pt idx="1419">
                        <c:v>44.34</c:v>
                      </c:pt>
                      <c:pt idx="1420">
                        <c:v>44.38</c:v>
                      </c:pt>
                      <c:pt idx="1421">
                        <c:v>44.41</c:v>
                      </c:pt>
                      <c:pt idx="1422">
                        <c:v>44.44</c:v>
                      </c:pt>
                      <c:pt idx="1423">
                        <c:v>44.47</c:v>
                      </c:pt>
                      <c:pt idx="1424">
                        <c:v>44.5</c:v>
                      </c:pt>
                      <c:pt idx="1425">
                        <c:v>44.53</c:v>
                      </c:pt>
                      <c:pt idx="1426">
                        <c:v>44.56</c:v>
                      </c:pt>
                      <c:pt idx="1427">
                        <c:v>44.59</c:v>
                      </c:pt>
                      <c:pt idx="1428">
                        <c:v>44.63</c:v>
                      </c:pt>
                      <c:pt idx="1429">
                        <c:v>44.66</c:v>
                      </c:pt>
                      <c:pt idx="1430">
                        <c:v>44.69</c:v>
                      </c:pt>
                      <c:pt idx="1431">
                        <c:v>44.72</c:v>
                      </c:pt>
                      <c:pt idx="1432">
                        <c:v>44.75</c:v>
                      </c:pt>
                      <c:pt idx="1433">
                        <c:v>44.78</c:v>
                      </c:pt>
                      <c:pt idx="1434">
                        <c:v>44.81</c:v>
                      </c:pt>
                      <c:pt idx="1435">
                        <c:v>44.84</c:v>
                      </c:pt>
                      <c:pt idx="1436">
                        <c:v>44.88</c:v>
                      </c:pt>
                      <c:pt idx="1437">
                        <c:v>44.91</c:v>
                      </c:pt>
                      <c:pt idx="1438">
                        <c:v>44.94</c:v>
                      </c:pt>
                      <c:pt idx="1439">
                        <c:v>44.97</c:v>
                      </c:pt>
                      <c:pt idx="1440">
                        <c:v>45</c:v>
                      </c:pt>
                      <c:pt idx="1441">
                        <c:v>45.03</c:v>
                      </c:pt>
                      <c:pt idx="1442">
                        <c:v>45.06</c:v>
                      </c:pt>
                      <c:pt idx="1443">
                        <c:v>45.09</c:v>
                      </c:pt>
                      <c:pt idx="1444">
                        <c:v>45.13</c:v>
                      </c:pt>
                      <c:pt idx="1445">
                        <c:v>45.16</c:v>
                      </c:pt>
                      <c:pt idx="1446">
                        <c:v>45.19</c:v>
                      </c:pt>
                      <c:pt idx="1447">
                        <c:v>45.22</c:v>
                      </c:pt>
                      <c:pt idx="1448">
                        <c:v>45.25</c:v>
                      </c:pt>
                      <c:pt idx="1449">
                        <c:v>45.28</c:v>
                      </c:pt>
                      <c:pt idx="1450">
                        <c:v>45.31</c:v>
                      </c:pt>
                      <c:pt idx="1451">
                        <c:v>45.34</c:v>
                      </c:pt>
                      <c:pt idx="1452">
                        <c:v>45.38</c:v>
                      </c:pt>
                      <c:pt idx="1453">
                        <c:v>45.41</c:v>
                      </c:pt>
                      <c:pt idx="1454">
                        <c:v>45.44</c:v>
                      </c:pt>
                      <c:pt idx="1455">
                        <c:v>45.47</c:v>
                      </c:pt>
                      <c:pt idx="1456">
                        <c:v>45.5</c:v>
                      </c:pt>
                      <c:pt idx="1457">
                        <c:v>45.53</c:v>
                      </c:pt>
                      <c:pt idx="1458">
                        <c:v>45.56</c:v>
                      </c:pt>
                      <c:pt idx="1459">
                        <c:v>45.59</c:v>
                      </c:pt>
                      <c:pt idx="1460">
                        <c:v>45.63</c:v>
                      </c:pt>
                      <c:pt idx="1461">
                        <c:v>45.66</c:v>
                      </c:pt>
                      <c:pt idx="1462">
                        <c:v>45.69</c:v>
                      </c:pt>
                      <c:pt idx="1463">
                        <c:v>45.72</c:v>
                      </c:pt>
                      <c:pt idx="1464">
                        <c:v>45.75</c:v>
                      </c:pt>
                      <c:pt idx="1465">
                        <c:v>45.78</c:v>
                      </c:pt>
                      <c:pt idx="1466">
                        <c:v>45.81</c:v>
                      </c:pt>
                      <c:pt idx="1467">
                        <c:v>45.84</c:v>
                      </c:pt>
                      <c:pt idx="1468">
                        <c:v>45.88</c:v>
                      </c:pt>
                      <c:pt idx="1469">
                        <c:v>45.91</c:v>
                      </c:pt>
                      <c:pt idx="1470">
                        <c:v>45.94</c:v>
                      </c:pt>
                      <c:pt idx="1471">
                        <c:v>45.97</c:v>
                      </c:pt>
                      <c:pt idx="1472">
                        <c:v>46</c:v>
                      </c:pt>
                      <c:pt idx="1473">
                        <c:v>46.03</c:v>
                      </c:pt>
                      <c:pt idx="1474">
                        <c:v>46.06</c:v>
                      </c:pt>
                      <c:pt idx="1475">
                        <c:v>46.09</c:v>
                      </c:pt>
                      <c:pt idx="1476">
                        <c:v>46.13</c:v>
                      </c:pt>
                      <c:pt idx="1477">
                        <c:v>46.16</c:v>
                      </c:pt>
                      <c:pt idx="1478">
                        <c:v>46.19</c:v>
                      </c:pt>
                      <c:pt idx="1479">
                        <c:v>46.22</c:v>
                      </c:pt>
                      <c:pt idx="1480">
                        <c:v>46.25</c:v>
                      </c:pt>
                      <c:pt idx="1481">
                        <c:v>46.28</c:v>
                      </c:pt>
                      <c:pt idx="1482">
                        <c:v>46.31</c:v>
                      </c:pt>
                      <c:pt idx="1483">
                        <c:v>46.34</c:v>
                      </c:pt>
                      <c:pt idx="1484">
                        <c:v>46.38</c:v>
                      </c:pt>
                      <c:pt idx="1485">
                        <c:v>46.41</c:v>
                      </c:pt>
                      <c:pt idx="1486">
                        <c:v>46.44</c:v>
                      </c:pt>
                      <c:pt idx="1487">
                        <c:v>46.47</c:v>
                      </c:pt>
                      <c:pt idx="1488">
                        <c:v>46.5</c:v>
                      </c:pt>
                      <c:pt idx="1489">
                        <c:v>46.53</c:v>
                      </c:pt>
                      <c:pt idx="1490">
                        <c:v>46.56</c:v>
                      </c:pt>
                      <c:pt idx="1491">
                        <c:v>46.59</c:v>
                      </c:pt>
                      <c:pt idx="1492">
                        <c:v>46.63</c:v>
                      </c:pt>
                      <c:pt idx="1493">
                        <c:v>46.66</c:v>
                      </c:pt>
                      <c:pt idx="1494">
                        <c:v>46.69</c:v>
                      </c:pt>
                      <c:pt idx="1495">
                        <c:v>46.72</c:v>
                      </c:pt>
                      <c:pt idx="1496">
                        <c:v>46.75</c:v>
                      </c:pt>
                      <c:pt idx="1497">
                        <c:v>46.78</c:v>
                      </c:pt>
                      <c:pt idx="1498">
                        <c:v>46.81</c:v>
                      </c:pt>
                      <c:pt idx="1499">
                        <c:v>46.84</c:v>
                      </c:pt>
                      <c:pt idx="1500">
                        <c:v>46.88</c:v>
                      </c:pt>
                      <c:pt idx="1501">
                        <c:v>46.91</c:v>
                      </c:pt>
                      <c:pt idx="1502">
                        <c:v>46.94</c:v>
                      </c:pt>
                      <c:pt idx="1503">
                        <c:v>46.97</c:v>
                      </c:pt>
                      <c:pt idx="1504">
                        <c:v>47</c:v>
                      </c:pt>
                      <c:pt idx="1505">
                        <c:v>47.03</c:v>
                      </c:pt>
                      <c:pt idx="1506">
                        <c:v>47.06</c:v>
                      </c:pt>
                      <c:pt idx="1507">
                        <c:v>47.09</c:v>
                      </c:pt>
                      <c:pt idx="1508">
                        <c:v>47.13</c:v>
                      </c:pt>
                      <c:pt idx="1509">
                        <c:v>47.16</c:v>
                      </c:pt>
                      <c:pt idx="1510">
                        <c:v>47.19</c:v>
                      </c:pt>
                      <c:pt idx="1511">
                        <c:v>47.22</c:v>
                      </c:pt>
                      <c:pt idx="1512">
                        <c:v>47.25</c:v>
                      </c:pt>
                      <c:pt idx="1513">
                        <c:v>47.28</c:v>
                      </c:pt>
                      <c:pt idx="1514">
                        <c:v>47.31</c:v>
                      </c:pt>
                      <c:pt idx="1515">
                        <c:v>47.34</c:v>
                      </c:pt>
                      <c:pt idx="1516">
                        <c:v>47.38</c:v>
                      </c:pt>
                      <c:pt idx="1517">
                        <c:v>47.41</c:v>
                      </c:pt>
                      <c:pt idx="1518">
                        <c:v>47.44</c:v>
                      </c:pt>
                      <c:pt idx="1519">
                        <c:v>47.47</c:v>
                      </c:pt>
                      <c:pt idx="1520">
                        <c:v>47.5</c:v>
                      </c:pt>
                      <c:pt idx="1521">
                        <c:v>47.53</c:v>
                      </c:pt>
                      <c:pt idx="1522">
                        <c:v>47.56</c:v>
                      </c:pt>
                      <c:pt idx="1523">
                        <c:v>47.59</c:v>
                      </c:pt>
                      <c:pt idx="1524">
                        <c:v>47.63</c:v>
                      </c:pt>
                      <c:pt idx="1525">
                        <c:v>47.66</c:v>
                      </c:pt>
                      <c:pt idx="1526">
                        <c:v>47.69</c:v>
                      </c:pt>
                      <c:pt idx="1527">
                        <c:v>47.72</c:v>
                      </c:pt>
                      <c:pt idx="1528">
                        <c:v>47.75</c:v>
                      </c:pt>
                      <c:pt idx="1529">
                        <c:v>47.78</c:v>
                      </c:pt>
                      <c:pt idx="1530">
                        <c:v>47.81</c:v>
                      </c:pt>
                      <c:pt idx="1531">
                        <c:v>47.84</c:v>
                      </c:pt>
                      <c:pt idx="1532">
                        <c:v>47.88</c:v>
                      </c:pt>
                      <c:pt idx="1533">
                        <c:v>47.91</c:v>
                      </c:pt>
                      <c:pt idx="1534">
                        <c:v>47.94</c:v>
                      </c:pt>
                      <c:pt idx="1535">
                        <c:v>47.97</c:v>
                      </c:pt>
                      <c:pt idx="1536">
                        <c:v>48</c:v>
                      </c:pt>
                      <c:pt idx="1537">
                        <c:v>48.03</c:v>
                      </c:pt>
                      <c:pt idx="1538">
                        <c:v>48.06</c:v>
                      </c:pt>
                      <c:pt idx="1539">
                        <c:v>48.09</c:v>
                      </c:pt>
                      <c:pt idx="1540">
                        <c:v>48.13</c:v>
                      </c:pt>
                      <c:pt idx="1541">
                        <c:v>48.16</c:v>
                      </c:pt>
                      <c:pt idx="1542">
                        <c:v>48.19</c:v>
                      </c:pt>
                      <c:pt idx="1543">
                        <c:v>48.22</c:v>
                      </c:pt>
                      <c:pt idx="1544">
                        <c:v>48.25</c:v>
                      </c:pt>
                      <c:pt idx="1545">
                        <c:v>48.28</c:v>
                      </c:pt>
                      <c:pt idx="1546">
                        <c:v>48.31</c:v>
                      </c:pt>
                      <c:pt idx="1547">
                        <c:v>48.34</c:v>
                      </c:pt>
                      <c:pt idx="1548">
                        <c:v>48.38</c:v>
                      </c:pt>
                      <c:pt idx="1549">
                        <c:v>48.41</c:v>
                      </c:pt>
                      <c:pt idx="1550">
                        <c:v>48.44</c:v>
                      </c:pt>
                      <c:pt idx="1551">
                        <c:v>48.47</c:v>
                      </c:pt>
                      <c:pt idx="1552">
                        <c:v>48.5</c:v>
                      </c:pt>
                      <c:pt idx="1553">
                        <c:v>48.53</c:v>
                      </c:pt>
                      <c:pt idx="1554">
                        <c:v>48.56</c:v>
                      </c:pt>
                      <c:pt idx="1555">
                        <c:v>48.59</c:v>
                      </c:pt>
                      <c:pt idx="1556">
                        <c:v>48.63</c:v>
                      </c:pt>
                      <c:pt idx="1557">
                        <c:v>48.66</c:v>
                      </c:pt>
                      <c:pt idx="1558">
                        <c:v>48.69</c:v>
                      </c:pt>
                      <c:pt idx="1559">
                        <c:v>48.72</c:v>
                      </c:pt>
                      <c:pt idx="1560">
                        <c:v>48.75</c:v>
                      </c:pt>
                      <c:pt idx="1561">
                        <c:v>48.78</c:v>
                      </c:pt>
                      <c:pt idx="1562">
                        <c:v>48.81</c:v>
                      </c:pt>
                      <c:pt idx="1563">
                        <c:v>48.84</c:v>
                      </c:pt>
                      <c:pt idx="1564">
                        <c:v>48.88</c:v>
                      </c:pt>
                      <c:pt idx="1565">
                        <c:v>48.91</c:v>
                      </c:pt>
                      <c:pt idx="1566">
                        <c:v>48.94</c:v>
                      </c:pt>
                      <c:pt idx="1567">
                        <c:v>48.97</c:v>
                      </c:pt>
                      <c:pt idx="1568">
                        <c:v>49</c:v>
                      </c:pt>
                      <c:pt idx="1569">
                        <c:v>49.03</c:v>
                      </c:pt>
                      <c:pt idx="1570">
                        <c:v>49.06</c:v>
                      </c:pt>
                      <c:pt idx="1571">
                        <c:v>49.09</c:v>
                      </c:pt>
                      <c:pt idx="1572">
                        <c:v>49.13</c:v>
                      </c:pt>
                      <c:pt idx="1573">
                        <c:v>49.16</c:v>
                      </c:pt>
                      <c:pt idx="1574">
                        <c:v>49.19</c:v>
                      </c:pt>
                      <c:pt idx="1575">
                        <c:v>49.22</c:v>
                      </c:pt>
                      <c:pt idx="1576">
                        <c:v>49.25</c:v>
                      </c:pt>
                      <c:pt idx="1577">
                        <c:v>49.28</c:v>
                      </c:pt>
                      <c:pt idx="1578">
                        <c:v>49.31</c:v>
                      </c:pt>
                      <c:pt idx="1579">
                        <c:v>49.34</c:v>
                      </c:pt>
                      <c:pt idx="1580">
                        <c:v>49.38</c:v>
                      </c:pt>
                      <c:pt idx="1581">
                        <c:v>49.41</c:v>
                      </c:pt>
                      <c:pt idx="1582">
                        <c:v>49.44</c:v>
                      </c:pt>
                      <c:pt idx="1583">
                        <c:v>49.47</c:v>
                      </c:pt>
                      <c:pt idx="1584">
                        <c:v>49.5</c:v>
                      </c:pt>
                      <c:pt idx="1585">
                        <c:v>49.53</c:v>
                      </c:pt>
                      <c:pt idx="1586">
                        <c:v>49.56</c:v>
                      </c:pt>
                      <c:pt idx="1587">
                        <c:v>49.59</c:v>
                      </c:pt>
                      <c:pt idx="1588">
                        <c:v>49.63</c:v>
                      </c:pt>
                      <c:pt idx="1589">
                        <c:v>49.66</c:v>
                      </c:pt>
                      <c:pt idx="1590">
                        <c:v>49.69</c:v>
                      </c:pt>
                      <c:pt idx="1591">
                        <c:v>49.72</c:v>
                      </c:pt>
                      <c:pt idx="1592">
                        <c:v>49.75</c:v>
                      </c:pt>
                      <c:pt idx="1593">
                        <c:v>49.78</c:v>
                      </c:pt>
                      <c:pt idx="1594">
                        <c:v>49.81</c:v>
                      </c:pt>
                      <c:pt idx="1595">
                        <c:v>49.84</c:v>
                      </c:pt>
                      <c:pt idx="1596">
                        <c:v>49.88</c:v>
                      </c:pt>
                      <c:pt idx="1597">
                        <c:v>49.91</c:v>
                      </c:pt>
                      <c:pt idx="1598">
                        <c:v>49.94</c:v>
                      </c:pt>
                      <c:pt idx="1599">
                        <c:v>49.97</c:v>
                      </c:pt>
                    </c:numCache>
                  </c:numRef>
                </c:xVal>
                <c:yVal>
                  <c:numRef>
                    <c:extLst>
                      <c:ext uri="{02D57815-91ED-43cb-92C2-25804820EDAC}">
                        <c15:formulaRef>
                          <c15:sqref>'20260119 112857 SCAN SEM PERLEC'!$N$11:$N$1610</c15:sqref>
                        </c15:formulaRef>
                      </c:ext>
                    </c:extLst>
                    <c:numCache>
                      <c:formatCode>0.00E+00</c:formatCode>
                      <c:ptCount val="1600"/>
                      <c:pt idx="0">
                        <c:v>-1.579872E-14</c:v>
                      </c:pt>
                      <c:pt idx="1">
                        <c:v>-6.0150319999999999E-15</c:v>
                      </c:pt>
                      <c:pt idx="2">
                        <c:v>-1.6932390000000001E-15</c:v>
                      </c:pt>
                      <c:pt idx="3">
                        <c:v>-4.4725050000000003E-16</c:v>
                      </c:pt>
                      <c:pt idx="4">
                        <c:v>-6.7245970000000004E-16</c:v>
                      </c:pt>
                      <c:pt idx="5">
                        <c:v>-2.48452E-15</c:v>
                      </c:pt>
                      <c:pt idx="6">
                        <c:v>-6.7900679999999999E-15</c:v>
                      </c:pt>
                      <c:pt idx="7">
                        <c:v>-1.3047790000000001E-14</c:v>
                      </c:pt>
                      <c:pt idx="8">
                        <c:v>-1.831033E-14</c:v>
                      </c:pt>
                      <c:pt idx="9">
                        <c:v>-2.0141549999999998E-14</c:v>
                      </c:pt>
                      <c:pt idx="10">
                        <c:v>-1.9131550000000001E-14</c:v>
                      </c:pt>
                      <c:pt idx="11">
                        <c:v>-1.7082779999999999E-14</c:v>
                      </c:pt>
                      <c:pt idx="12">
                        <c:v>-1.501645E-14</c:v>
                      </c:pt>
                      <c:pt idx="13">
                        <c:v>-1.346949E-14</c:v>
                      </c:pt>
                      <c:pt idx="14">
                        <c:v>-1.2798239999999999E-14</c:v>
                      </c:pt>
                      <c:pt idx="15">
                        <c:v>-1.290723E-14</c:v>
                      </c:pt>
                      <c:pt idx="16">
                        <c:v>-1.3325930000000001E-14</c:v>
                      </c:pt>
                      <c:pt idx="17">
                        <c:v>-1.353538E-14</c:v>
                      </c:pt>
                      <c:pt idx="18">
                        <c:v>-1.3038860000000001E-14</c:v>
                      </c:pt>
                      <c:pt idx="19">
                        <c:v>-1.1454189999999999E-14</c:v>
                      </c:pt>
                      <c:pt idx="20">
                        <c:v>-9.7115320000000007E-15</c:v>
                      </c:pt>
                      <c:pt idx="21">
                        <c:v>-9.7615190000000003E-15</c:v>
                      </c:pt>
                      <c:pt idx="22">
                        <c:v>-9.9386100000000008E-15</c:v>
                      </c:pt>
                      <c:pt idx="23">
                        <c:v>-4.7848340000000002E-15</c:v>
                      </c:pt>
                      <c:pt idx="24">
                        <c:v>6.5915489999999998E-15</c:v>
                      </c:pt>
                      <c:pt idx="25">
                        <c:v>2.208776E-14</c:v>
                      </c:pt>
                      <c:pt idx="26">
                        <c:v>5.9440279999999997E-14</c:v>
                      </c:pt>
                      <c:pt idx="27">
                        <c:v>1.857438E-13</c:v>
                      </c:pt>
                      <c:pt idx="28">
                        <c:v>5.3200800000000003E-13</c:v>
                      </c:pt>
                      <c:pt idx="29">
                        <c:v>1.26264E-12</c:v>
                      </c:pt>
                      <c:pt idx="30">
                        <c:v>2.491812E-12</c:v>
                      </c:pt>
                      <c:pt idx="31">
                        <c:v>4.232542E-12</c:v>
                      </c:pt>
                      <c:pt idx="32">
                        <c:v>6.4234280000000003E-12</c:v>
                      </c:pt>
                      <c:pt idx="33">
                        <c:v>8.8692759999999997E-12</c:v>
                      </c:pt>
                      <c:pt idx="34">
                        <c:v>1.109331E-11</c:v>
                      </c:pt>
                      <c:pt idx="35">
                        <c:v>1.244295E-11</c:v>
                      </c:pt>
                      <c:pt idx="36">
                        <c:v>1.244852E-11</c:v>
                      </c:pt>
                      <c:pt idx="37">
                        <c:v>1.106405E-11</c:v>
                      </c:pt>
                      <c:pt idx="38">
                        <c:v>8.6818040000000003E-12</c:v>
                      </c:pt>
                      <c:pt idx="39">
                        <c:v>5.9648780000000004E-12</c:v>
                      </c:pt>
                      <c:pt idx="40">
                        <c:v>3.5664099999999999E-12</c:v>
                      </c:pt>
                      <c:pt idx="41">
                        <c:v>1.8739999999999999E-12</c:v>
                      </c:pt>
                      <c:pt idx="42">
                        <c:v>9.011018E-13</c:v>
                      </c:pt>
                      <c:pt idx="43">
                        <c:v>4.172128E-13</c:v>
                      </c:pt>
                      <c:pt idx="44">
                        <c:v>1.9114289999999999E-13</c:v>
                      </c:pt>
                      <c:pt idx="45">
                        <c:v>9.6230250000000003E-14</c:v>
                      </c:pt>
                      <c:pt idx="46">
                        <c:v>7.3603050000000003E-14</c:v>
                      </c:pt>
                      <c:pt idx="47">
                        <c:v>9.2889379999999994E-14</c:v>
                      </c:pt>
                      <c:pt idx="48">
                        <c:v>1.4598780000000001E-13</c:v>
                      </c:pt>
                      <c:pt idx="49">
                        <c:v>2.4521009999999998E-13</c:v>
                      </c:pt>
                      <c:pt idx="50">
                        <c:v>4.1276409999999999E-13</c:v>
                      </c:pt>
                      <c:pt idx="51">
                        <c:v>6.6505410000000002E-13</c:v>
                      </c:pt>
                      <c:pt idx="52">
                        <c:v>9.9408610000000003E-13</c:v>
                      </c:pt>
                      <c:pt idx="53">
                        <c:v>1.3555109999999999E-12</c:v>
                      </c:pt>
                      <c:pt idx="54">
                        <c:v>1.699972E-12</c:v>
                      </c:pt>
                      <c:pt idx="55">
                        <c:v>2.0401119999999998E-12</c:v>
                      </c:pt>
                      <c:pt idx="56">
                        <c:v>2.449551E-12</c:v>
                      </c:pt>
                      <c:pt idx="57">
                        <c:v>2.9689039999999999E-12</c:v>
                      </c:pt>
                      <c:pt idx="58">
                        <c:v>3.5569999999999999E-12</c:v>
                      </c:pt>
                      <c:pt idx="59">
                        <c:v>4.1509720000000004E-12</c:v>
                      </c:pt>
                      <c:pt idx="60">
                        <c:v>4.709933E-12</c:v>
                      </c:pt>
                      <c:pt idx="61">
                        <c:v>5.1698980000000001E-12</c:v>
                      </c:pt>
                      <c:pt idx="62">
                        <c:v>5.4368880000000003E-12</c:v>
                      </c:pt>
                      <c:pt idx="63">
                        <c:v>5.4867959999999997E-12</c:v>
                      </c:pt>
                      <c:pt idx="64">
                        <c:v>5.4158960000000001E-12</c:v>
                      </c:pt>
                      <c:pt idx="65">
                        <c:v>5.3354219999999998E-12</c:v>
                      </c:pt>
                      <c:pt idx="66">
                        <c:v>5.2621840000000004E-12</c:v>
                      </c:pt>
                      <c:pt idx="67">
                        <c:v>5.1520860000000002E-12</c:v>
                      </c:pt>
                      <c:pt idx="68">
                        <c:v>4.9598609999999996E-12</c:v>
                      </c:pt>
                      <c:pt idx="69">
                        <c:v>4.6132990000000004E-12</c:v>
                      </c:pt>
                      <c:pt idx="70">
                        <c:v>4.0163810000000001E-12</c:v>
                      </c:pt>
                      <c:pt idx="71">
                        <c:v>3.1492870000000001E-12</c:v>
                      </c:pt>
                      <c:pt idx="72">
                        <c:v>2.1477559999999998E-12</c:v>
                      </c:pt>
                      <c:pt idx="73">
                        <c:v>1.244825E-12</c:v>
                      </c:pt>
                      <c:pt idx="74">
                        <c:v>6.1073150000000002E-13</c:v>
                      </c:pt>
                      <c:pt idx="75">
                        <c:v>2.5927500000000002E-13</c:v>
                      </c:pt>
                      <c:pt idx="76">
                        <c:v>1.001234E-13</c:v>
                      </c:pt>
                      <c:pt idx="77">
                        <c:v>3.7148909999999999E-14</c:v>
                      </c:pt>
                      <c:pt idx="78">
                        <c:v>1.342223E-14</c:v>
                      </c:pt>
                      <c:pt idx="79">
                        <c:v>5.02483E-15</c:v>
                      </c:pt>
                      <c:pt idx="80">
                        <c:v>3.16089E-15</c:v>
                      </c:pt>
                      <c:pt idx="81">
                        <c:v>4.6692870000000003E-15</c:v>
                      </c:pt>
                      <c:pt idx="82">
                        <c:v>9.547508E-15</c:v>
                      </c:pt>
                      <c:pt idx="83">
                        <c:v>1.675665E-14</c:v>
                      </c:pt>
                      <c:pt idx="84">
                        <c:v>2.033438E-14</c:v>
                      </c:pt>
                      <c:pt idx="85">
                        <c:v>1.5513289999999999E-14</c:v>
                      </c:pt>
                      <c:pt idx="86">
                        <c:v>6.0907279999999998E-15</c:v>
                      </c:pt>
                      <c:pt idx="87">
                        <c:v>-5.6755529999999996E-16</c:v>
                      </c:pt>
                      <c:pt idx="88">
                        <c:v>-1.8961699999999998E-15</c:v>
                      </c:pt>
                      <c:pt idx="89">
                        <c:v>-1.2885620000000001E-16</c:v>
                      </c:pt>
                      <c:pt idx="90">
                        <c:v>1.9186390000000001E-15</c:v>
                      </c:pt>
                      <c:pt idx="91">
                        <c:v>3.009619E-15</c:v>
                      </c:pt>
                      <c:pt idx="92">
                        <c:v>4.327111E-15</c:v>
                      </c:pt>
                      <c:pt idx="93">
                        <c:v>8.9154949999999999E-15</c:v>
                      </c:pt>
                      <c:pt idx="94">
                        <c:v>1.772136E-14</c:v>
                      </c:pt>
                      <c:pt idx="95">
                        <c:v>2.602902E-14</c:v>
                      </c:pt>
                      <c:pt idx="96">
                        <c:v>2.745129E-14</c:v>
                      </c:pt>
                      <c:pt idx="97">
                        <c:v>2.244652E-14</c:v>
                      </c:pt>
                      <c:pt idx="98">
                        <c:v>1.834803E-14</c:v>
                      </c:pt>
                      <c:pt idx="99">
                        <c:v>1.9648549999999999E-14</c:v>
                      </c:pt>
                      <c:pt idx="100">
                        <c:v>2.2534979999999999E-14</c:v>
                      </c:pt>
                      <c:pt idx="101">
                        <c:v>2.061857E-14</c:v>
                      </c:pt>
                      <c:pt idx="102">
                        <c:v>1.3139110000000001E-14</c:v>
                      </c:pt>
                      <c:pt idx="103">
                        <c:v>4.6663279999999998E-15</c:v>
                      </c:pt>
                      <c:pt idx="104">
                        <c:v>-1.0847580000000001E-15</c:v>
                      </c:pt>
                      <c:pt idx="105">
                        <c:v>-3.3034199999999999E-15</c:v>
                      </c:pt>
                      <c:pt idx="106">
                        <c:v>-2.2838220000000001E-15</c:v>
                      </c:pt>
                      <c:pt idx="107">
                        <c:v>1.0186849999999999E-15</c:v>
                      </c:pt>
                      <c:pt idx="108">
                        <c:v>4.8755909999999998E-15</c:v>
                      </c:pt>
                      <c:pt idx="109">
                        <c:v>8.1384510000000002E-15</c:v>
                      </c:pt>
                      <c:pt idx="110">
                        <c:v>1.23686E-14</c:v>
                      </c:pt>
                      <c:pt idx="111">
                        <c:v>2.2952480000000001E-14</c:v>
                      </c:pt>
                      <c:pt idx="112">
                        <c:v>4.8238260000000002E-14</c:v>
                      </c:pt>
                      <c:pt idx="113">
                        <c:v>9.7492270000000004E-14</c:v>
                      </c:pt>
                      <c:pt idx="114">
                        <c:v>1.7497009999999999E-13</c:v>
                      </c:pt>
                      <c:pt idx="115">
                        <c:v>2.6679840000000002E-13</c:v>
                      </c:pt>
                      <c:pt idx="116">
                        <c:v>3.4233970000000001E-13</c:v>
                      </c:pt>
                      <c:pt idx="117">
                        <c:v>3.938252E-13</c:v>
                      </c:pt>
                      <c:pt idx="118">
                        <c:v>4.6573240000000005E-13</c:v>
                      </c:pt>
                      <c:pt idx="119">
                        <c:v>6.0633620000000005E-13</c:v>
                      </c:pt>
                      <c:pt idx="120">
                        <c:v>7.9082450000000003E-13</c:v>
                      </c:pt>
                      <c:pt idx="121">
                        <c:v>9.3855789999999999E-13</c:v>
                      </c:pt>
                      <c:pt idx="122">
                        <c:v>1.0176830000000001E-12</c:v>
                      </c:pt>
                      <c:pt idx="123">
                        <c:v>1.0734910000000001E-12</c:v>
                      </c:pt>
                      <c:pt idx="124">
                        <c:v>1.140248E-12</c:v>
                      </c:pt>
                      <c:pt idx="125">
                        <c:v>1.188934E-12</c:v>
                      </c:pt>
                      <c:pt idx="126">
                        <c:v>1.1812819999999999E-12</c:v>
                      </c:pt>
                      <c:pt idx="127">
                        <c:v>1.133123E-12</c:v>
                      </c:pt>
                      <c:pt idx="128">
                        <c:v>1.092595E-12</c:v>
                      </c:pt>
                      <c:pt idx="129">
                        <c:v>1.084271E-12</c:v>
                      </c:pt>
                      <c:pt idx="130">
                        <c:v>1.086593E-12</c:v>
                      </c:pt>
                      <c:pt idx="131">
                        <c:v>1.0386840000000001E-12</c:v>
                      </c:pt>
                      <c:pt idx="132">
                        <c:v>9.0245649999999997E-13</c:v>
                      </c:pt>
                      <c:pt idx="133">
                        <c:v>7.1968610000000001E-13</c:v>
                      </c:pt>
                      <c:pt idx="134">
                        <c:v>5.5344110000000004E-13</c:v>
                      </c:pt>
                      <c:pt idx="135">
                        <c:v>4.0925650000000001E-13</c:v>
                      </c:pt>
                      <c:pt idx="136">
                        <c:v>2.6766040000000002E-13</c:v>
                      </c:pt>
                      <c:pt idx="137">
                        <c:v>1.44277E-13</c:v>
                      </c:pt>
                      <c:pt idx="138">
                        <c:v>6.8803750000000001E-14</c:v>
                      </c:pt>
                      <c:pt idx="139">
                        <c:v>4.186076E-14</c:v>
                      </c:pt>
                      <c:pt idx="140">
                        <c:v>4.0508780000000001E-14</c:v>
                      </c:pt>
                      <c:pt idx="141">
                        <c:v>4.4282329999999999E-14</c:v>
                      </c:pt>
                      <c:pt idx="142">
                        <c:v>4.5697660000000002E-14</c:v>
                      </c:pt>
                      <c:pt idx="143">
                        <c:v>4.6022490000000002E-14</c:v>
                      </c:pt>
                      <c:pt idx="144">
                        <c:v>4.7791009999999999E-14</c:v>
                      </c:pt>
                      <c:pt idx="145">
                        <c:v>5.0766170000000003E-14</c:v>
                      </c:pt>
                      <c:pt idx="146">
                        <c:v>5.3351769999999998E-14</c:v>
                      </c:pt>
                      <c:pt idx="147">
                        <c:v>5.6162180000000003E-14</c:v>
                      </c:pt>
                      <c:pt idx="148">
                        <c:v>6.1855189999999996E-14</c:v>
                      </c:pt>
                      <c:pt idx="149">
                        <c:v>7.0237629999999997E-14</c:v>
                      </c:pt>
                      <c:pt idx="150">
                        <c:v>7.5140009999999994E-14</c:v>
                      </c:pt>
                      <c:pt idx="151">
                        <c:v>7.0347720000000005E-14</c:v>
                      </c:pt>
                      <c:pt idx="152">
                        <c:v>5.8057729999999999E-14</c:v>
                      </c:pt>
                      <c:pt idx="153">
                        <c:v>4.6871509999999999E-14</c:v>
                      </c:pt>
                      <c:pt idx="154">
                        <c:v>4.4955899999999998E-14</c:v>
                      </c:pt>
                      <c:pt idx="155">
                        <c:v>5.756552E-14</c:v>
                      </c:pt>
                      <c:pt idx="156">
                        <c:v>8.3540179999999996E-14</c:v>
                      </c:pt>
                      <c:pt idx="157">
                        <c:v>1.154506E-13</c:v>
                      </c:pt>
                      <c:pt idx="158">
                        <c:v>1.498195E-13</c:v>
                      </c:pt>
                      <c:pt idx="159">
                        <c:v>1.8891299999999999E-13</c:v>
                      </c:pt>
                      <c:pt idx="160">
                        <c:v>2.280434E-13</c:v>
                      </c:pt>
                      <c:pt idx="161">
                        <c:v>2.5678679999999998E-13</c:v>
                      </c:pt>
                      <c:pt idx="162">
                        <c:v>2.7841429999999998E-13</c:v>
                      </c:pt>
                      <c:pt idx="163">
                        <c:v>3.1416090000000001E-13</c:v>
                      </c:pt>
                      <c:pt idx="164">
                        <c:v>3.8067520000000001E-13</c:v>
                      </c:pt>
                      <c:pt idx="165">
                        <c:v>4.6249449999999995E-13</c:v>
                      </c:pt>
                      <c:pt idx="166">
                        <c:v>5.218669E-13</c:v>
                      </c:pt>
                      <c:pt idx="167">
                        <c:v>5.5833210000000001E-13</c:v>
                      </c:pt>
                      <c:pt idx="168">
                        <c:v>6.2328669999999998E-13</c:v>
                      </c:pt>
                      <c:pt idx="169">
                        <c:v>7.3306880000000004E-13</c:v>
                      </c:pt>
                      <c:pt idx="170">
                        <c:v>8.1131580000000002E-13</c:v>
                      </c:pt>
                      <c:pt idx="171">
                        <c:v>7.7215519999999997E-13</c:v>
                      </c:pt>
                      <c:pt idx="172">
                        <c:v>6.390544E-13</c:v>
                      </c:pt>
                      <c:pt idx="173">
                        <c:v>5.2630720000000001E-13</c:v>
                      </c:pt>
                      <c:pt idx="174">
                        <c:v>5.0370940000000004E-13</c:v>
                      </c:pt>
                      <c:pt idx="175">
                        <c:v>5.3554750000000005E-13</c:v>
                      </c:pt>
                      <c:pt idx="176">
                        <c:v>5.6679010000000001E-13</c:v>
                      </c:pt>
                      <c:pt idx="177">
                        <c:v>6.1033290000000004E-13</c:v>
                      </c:pt>
                      <c:pt idx="178">
                        <c:v>7.1767910000000001E-13</c:v>
                      </c:pt>
                      <c:pt idx="179">
                        <c:v>9.0974800000000009E-13</c:v>
                      </c:pt>
                      <c:pt idx="180">
                        <c:v>1.179053E-12</c:v>
                      </c:pt>
                      <c:pt idx="181">
                        <c:v>1.5424520000000001E-12</c:v>
                      </c:pt>
                      <c:pt idx="182">
                        <c:v>2.0245129999999999E-12</c:v>
                      </c:pt>
                      <c:pt idx="183">
                        <c:v>2.5743459999999999E-12</c:v>
                      </c:pt>
                      <c:pt idx="184">
                        <c:v>3.0836809999999998E-12</c:v>
                      </c:pt>
                      <c:pt idx="185">
                        <c:v>3.508729E-12</c:v>
                      </c:pt>
                      <c:pt idx="186">
                        <c:v>3.8980290000000003E-12</c:v>
                      </c:pt>
                      <c:pt idx="187">
                        <c:v>4.2761859999999999E-12</c:v>
                      </c:pt>
                      <c:pt idx="188">
                        <c:v>4.5655920000000001E-12</c:v>
                      </c:pt>
                      <c:pt idx="189">
                        <c:v>4.6682750000000003E-12</c:v>
                      </c:pt>
                      <c:pt idx="190">
                        <c:v>4.5780679999999998E-12</c:v>
                      </c:pt>
                      <c:pt idx="191">
                        <c:v>4.3708790000000003E-12</c:v>
                      </c:pt>
                      <c:pt idx="192">
                        <c:v>4.1356630000000003E-12</c:v>
                      </c:pt>
                      <c:pt idx="193">
                        <c:v>3.9537660000000001E-12</c:v>
                      </c:pt>
                      <c:pt idx="194">
                        <c:v>3.8679440000000001E-12</c:v>
                      </c:pt>
                      <c:pt idx="195">
                        <c:v>3.8093209999999999E-12</c:v>
                      </c:pt>
                      <c:pt idx="196">
                        <c:v>3.6263949999999999E-12</c:v>
                      </c:pt>
                      <c:pt idx="197">
                        <c:v>3.2218740000000002E-12</c:v>
                      </c:pt>
                      <c:pt idx="198">
                        <c:v>2.6153199999999998E-12</c:v>
                      </c:pt>
                      <c:pt idx="199">
                        <c:v>1.9035050000000002E-12</c:v>
                      </c:pt>
                      <c:pt idx="200">
                        <c:v>1.214739E-12</c:v>
                      </c:pt>
                      <c:pt idx="201">
                        <c:v>6.700882E-13</c:v>
                      </c:pt>
                      <c:pt idx="202">
                        <c:v>3.2888000000000001E-13</c:v>
                      </c:pt>
                      <c:pt idx="203">
                        <c:v>1.5984320000000001E-13</c:v>
                      </c:pt>
                      <c:pt idx="204">
                        <c:v>8.6291239999999995E-14</c:v>
                      </c:pt>
                      <c:pt idx="205">
                        <c:v>5.3588479999999998E-14</c:v>
                      </c:pt>
                      <c:pt idx="206">
                        <c:v>4.1703430000000002E-14</c:v>
                      </c:pt>
                      <c:pt idx="207">
                        <c:v>4.1474489999999998E-14</c:v>
                      </c:pt>
                      <c:pt idx="208">
                        <c:v>4.4505819999999999E-14</c:v>
                      </c:pt>
                      <c:pt idx="209">
                        <c:v>4.8013799999999999E-14</c:v>
                      </c:pt>
                      <c:pt idx="210">
                        <c:v>5.5524550000000001E-14</c:v>
                      </c:pt>
                      <c:pt idx="211">
                        <c:v>6.864476E-14</c:v>
                      </c:pt>
                      <c:pt idx="212">
                        <c:v>8.2113329999999997E-14</c:v>
                      </c:pt>
                      <c:pt idx="213">
                        <c:v>9.0075120000000001E-14</c:v>
                      </c:pt>
                      <c:pt idx="214">
                        <c:v>9.4123790000000006E-14</c:v>
                      </c:pt>
                      <c:pt idx="215">
                        <c:v>1.023983E-13</c:v>
                      </c:pt>
                      <c:pt idx="216">
                        <c:v>1.2058369999999999E-13</c:v>
                      </c:pt>
                      <c:pt idx="217">
                        <c:v>1.455818E-13</c:v>
                      </c:pt>
                      <c:pt idx="218">
                        <c:v>1.676117E-13</c:v>
                      </c:pt>
                      <c:pt idx="219">
                        <c:v>1.7790250000000001E-13</c:v>
                      </c:pt>
                      <c:pt idx="220">
                        <c:v>1.7729300000000001E-13</c:v>
                      </c:pt>
                      <c:pt idx="221">
                        <c:v>1.7394629999999999E-13</c:v>
                      </c:pt>
                      <c:pt idx="222">
                        <c:v>1.7110169999999999E-13</c:v>
                      </c:pt>
                      <c:pt idx="223">
                        <c:v>1.6608800000000001E-13</c:v>
                      </c:pt>
                      <c:pt idx="224">
                        <c:v>1.59267E-13</c:v>
                      </c:pt>
                      <c:pt idx="225">
                        <c:v>1.514873E-13</c:v>
                      </c:pt>
                      <c:pt idx="226">
                        <c:v>1.3706439999999999E-13</c:v>
                      </c:pt>
                      <c:pt idx="227">
                        <c:v>1.1291380000000001E-13</c:v>
                      </c:pt>
                      <c:pt idx="228">
                        <c:v>8.7615000000000001E-14</c:v>
                      </c:pt>
                      <c:pt idx="229">
                        <c:v>7.0339800000000004E-14</c:v>
                      </c:pt>
                      <c:pt idx="230">
                        <c:v>5.9710889999999996E-14</c:v>
                      </c:pt>
                      <c:pt idx="231">
                        <c:v>4.8450029999999999E-14</c:v>
                      </c:pt>
                      <c:pt idx="232">
                        <c:v>3.303059E-14</c:v>
                      </c:pt>
                      <c:pt idx="233">
                        <c:v>1.699525E-14</c:v>
                      </c:pt>
                      <c:pt idx="234">
                        <c:v>6.2868679999999999E-15</c:v>
                      </c:pt>
                      <c:pt idx="235">
                        <c:v>3.9120190000000002E-15</c:v>
                      </c:pt>
                      <c:pt idx="236">
                        <c:v>9.4668299999999993E-15</c:v>
                      </c:pt>
                      <c:pt idx="237">
                        <c:v>2.1887929999999999E-14</c:v>
                      </c:pt>
                      <c:pt idx="238">
                        <c:v>4.3306000000000001E-14</c:v>
                      </c:pt>
                      <c:pt idx="239">
                        <c:v>8.3104230000000003E-14</c:v>
                      </c:pt>
                      <c:pt idx="240">
                        <c:v>1.621249E-13</c:v>
                      </c:pt>
                      <c:pt idx="241">
                        <c:v>3.1026600000000001E-13</c:v>
                      </c:pt>
                      <c:pt idx="242">
                        <c:v>5.4473490000000004E-13</c:v>
                      </c:pt>
                      <c:pt idx="243">
                        <c:v>8.4777560000000003E-13</c:v>
                      </c:pt>
                      <c:pt idx="244">
                        <c:v>1.190826E-12</c:v>
                      </c:pt>
                      <c:pt idx="245">
                        <c:v>1.5907700000000001E-12</c:v>
                      </c:pt>
                      <c:pt idx="246">
                        <c:v>2.1005659999999999E-12</c:v>
                      </c:pt>
                      <c:pt idx="247">
                        <c:v>2.7171970000000001E-12</c:v>
                      </c:pt>
                      <c:pt idx="248">
                        <c:v>3.3450969999999998E-12</c:v>
                      </c:pt>
                      <c:pt idx="249">
                        <c:v>3.8739880000000002E-12</c:v>
                      </c:pt>
                      <c:pt idx="250">
                        <c:v>4.2569780000000004E-12</c:v>
                      </c:pt>
                      <c:pt idx="251">
                        <c:v>4.5109369999999996E-12</c:v>
                      </c:pt>
                      <c:pt idx="252">
                        <c:v>4.6669809999999997E-12</c:v>
                      </c:pt>
                      <c:pt idx="253">
                        <c:v>4.7235369999999998E-12</c:v>
                      </c:pt>
                      <c:pt idx="254">
                        <c:v>4.6678970000000002E-12</c:v>
                      </c:pt>
                      <c:pt idx="255">
                        <c:v>4.5473740000000001E-12</c:v>
                      </c:pt>
                      <c:pt idx="256">
                        <c:v>4.4427819999999997E-12</c:v>
                      </c:pt>
                      <c:pt idx="257">
                        <c:v>4.3504809999999996E-12</c:v>
                      </c:pt>
                      <c:pt idx="258">
                        <c:v>4.1847819999999998E-12</c:v>
                      </c:pt>
                      <c:pt idx="259">
                        <c:v>3.9084139999999998E-12</c:v>
                      </c:pt>
                      <c:pt idx="260">
                        <c:v>3.5590149999999999E-12</c:v>
                      </c:pt>
                      <c:pt idx="261">
                        <c:v>3.1391410000000001E-12</c:v>
                      </c:pt>
                      <c:pt idx="262">
                        <c:v>2.58534E-12</c:v>
                      </c:pt>
                      <c:pt idx="263">
                        <c:v>1.8955580000000001E-12</c:v>
                      </c:pt>
                      <c:pt idx="264">
                        <c:v>1.1988689999999999E-12</c:v>
                      </c:pt>
                      <c:pt idx="265">
                        <c:v>6.4512659999999995E-13</c:v>
                      </c:pt>
                      <c:pt idx="266">
                        <c:v>2.928631E-13</c:v>
                      </c:pt>
                      <c:pt idx="267">
                        <c:v>1.117156E-13</c:v>
                      </c:pt>
                      <c:pt idx="268">
                        <c:v>3.7366400000000001E-14</c:v>
                      </c:pt>
                      <c:pt idx="269">
                        <c:v>1.518644E-14</c:v>
                      </c:pt>
                      <c:pt idx="270">
                        <c:v>1.405388E-14</c:v>
                      </c:pt>
                      <c:pt idx="271">
                        <c:v>1.930461E-14</c:v>
                      </c:pt>
                      <c:pt idx="272">
                        <c:v>2.296393E-14</c:v>
                      </c:pt>
                      <c:pt idx="273">
                        <c:v>2.167647E-14</c:v>
                      </c:pt>
                      <c:pt idx="274">
                        <c:v>1.7745210000000001E-14</c:v>
                      </c:pt>
                      <c:pt idx="275">
                        <c:v>1.4947369999999999E-14</c:v>
                      </c:pt>
                      <c:pt idx="276">
                        <c:v>1.353524E-14</c:v>
                      </c:pt>
                      <c:pt idx="277">
                        <c:v>1.169285E-14</c:v>
                      </c:pt>
                      <c:pt idx="278">
                        <c:v>9.5745910000000007E-15</c:v>
                      </c:pt>
                      <c:pt idx="279">
                        <c:v>9.0115610000000007E-15</c:v>
                      </c:pt>
                      <c:pt idx="280">
                        <c:v>1.0341170000000001E-14</c:v>
                      </c:pt>
                      <c:pt idx="281">
                        <c:v>1.2587329999999999E-14</c:v>
                      </c:pt>
                      <c:pt idx="282">
                        <c:v>1.6200800000000001E-14</c:v>
                      </c:pt>
                      <c:pt idx="283">
                        <c:v>2.2147940000000001E-14</c:v>
                      </c:pt>
                      <c:pt idx="284">
                        <c:v>2.8374069999999999E-14</c:v>
                      </c:pt>
                      <c:pt idx="285">
                        <c:v>3.0401459999999998E-14</c:v>
                      </c:pt>
                      <c:pt idx="286">
                        <c:v>2.712744E-14</c:v>
                      </c:pt>
                      <c:pt idx="287">
                        <c:v>2.3902560000000001E-14</c:v>
                      </c:pt>
                      <c:pt idx="288">
                        <c:v>2.6973689999999999E-14</c:v>
                      </c:pt>
                      <c:pt idx="289">
                        <c:v>3.6093839999999997E-14</c:v>
                      </c:pt>
                      <c:pt idx="290">
                        <c:v>4.4537360000000001E-14</c:v>
                      </c:pt>
                      <c:pt idx="291">
                        <c:v>4.6456459999999998E-14</c:v>
                      </c:pt>
                      <c:pt idx="292">
                        <c:v>4.4233070000000001E-14</c:v>
                      </c:pt>
                      <c:pt idx="293">
                        <c:v>4.6419700000000003E-14</c:v>
                      </c:pt>
                      <c:pt idx="294">
                        <c:v>5.6558910000000001E-14</c:v>
                      </c:pt>
                      <c:pt idx="295">
                        <c:v>6.7192059999999997E-14</c:v>
                      </c:pt>
                      <c:pt idx="296">
                        <c:v>6.8261970000000003E-14</c:v>
                      </c:pt>
                      <c:pt idx="297">
                        <c:v>5.9429149999999994E-14</c:v>
                      </c:pt>
                      <c:pt idx="298">
                        <c:v>4.9387609999999999E-14</c:v>
                      </c:pt>
                      <c:pt idx="299">
                        <c:v>4.5163990000000001E-14</c:v>
                      </c:pt>
                      <c:pt idx="300">
                        <c:v>4.7419279999999999E-14</c:v>
                      </c:pt>
                      <c:pt idx="301">
                        <c:v>5.3818440000000001E-14</c:v>
                      </c:pt>
                      <c:pt idx="302">
                        <c:v>6.4372280000000001E-14</c:v>
                      </c:pt>
                      <c:pt idx="303">
                        <c:v>8.2545749999999994E-14</c:v>
                      </c:pt>
                      <c:pt idx="304">
                        <c:v>1.077902E-13</c:v>
                      </c:pt>
                      <c:pt idx="305">
                        <c:v>1.2925849999999999E-13</c:v>
                      </c:pt>
                      <c:pt idx="306">
                        <c:v>1.333667E-13</c:v>
                      </c:pt>
                      <c:pt idx="307">
                        <c:v>1.1835379999999999E-13</c:v>
                      </c:pt>
                      <c:pt idx="308">
                        <c:v>9.6205689999999994E-14</c:v>
                      </c:pt>
                      <c:pt idx="309">
                        <c:v>7.9026150000000004E-14</c:v>
                      </c:pt>
                      <c:pt idx="310">
                        <c:v>6.8484350000000001E-14</c:v>
                      </c:pt>
                      <c:pt idx="311">
                        <c:v>5.8608419999999996E-14</c:v>
                      </c:pt>
                      <c:pt idx="312">
                        <c:v>4.4723369999999997E-14</c:v>
                      </c:pt>
                      <c:pt idx="313">
                        <c:v>2.8640260000000002E-14</c:v>
                      </c:pt>
                      <c:pt idx="314">
                        <c:v>1.5876029999999999E-14</c:v>
                      </c:pt>
                      <c:pt idx="315">
                        <c:v>1.011924E-14</c:v>
                      </c:pt>
                      <c:pt idx="316">
                        <c:v>1.1217710000000001E-14</c:v>
                      </c:pt>
                      <c:pt idx="317">
                        <c:v>1.5711170000000001E-14</c:v>
                      </c:pt>
                      <c:pt idx="318">
                        <c:v>2.026284E-14</c:v>
                      </c:pt>
                      <c:pt idx="319">
                        <c:v>2.660362E-14</c:v>
                      </c:pt>
                      <c:pt idx="320">
                        <c:v>3.928668E-14</c:v>
                      </c:pt>
                      <c:pt idx="321">
                        <c:v>5.6937259999999996E-14</c:v>
                      </c:pt>
                      <c:pt idx="322">
                        <c:v>7.0557830000000004E-14</c:v>
                      </c:pt>
                      <c:pt idx="323">
                        <c:v>7.3088389999999994E-14</c:v>
                      </c:pt>
                      <c:pt idx="324">
                        <c:v>6.6184779999999999E-14</c:v>
                      </c:pt>
                      <c:pt idx="325">
                        <c:v>5.5362199999999999E-14</c:v>
                      </c:pt>
                      <c:pt idx="326">
                        <c:v>4.3249579999999999E-14</c:v>
                      </c:pt>
                      <c:pt idx="327">
                        <c:v>3.0183469999999997E-14</c:v>
                      </c:pt>
                      <c:pt idx="328">
                        <c:v>1.9157930000000001E-14</c:v>
                      </c:pt>
                      <c:pt idx="329">
                        <c:v>1.5967219999999999E-14</c:v>
                      </c:pt>
                      <c:pt idx="330">
                        <c:v>2.2626679999999999E-14</c:v>
                      </c:pt>
                      <c:pt idx="331">
                        <c:v>3.3698080000000003E-14</c:v>
                      </c:pt>
                      <c:pt idx="332">
                        <c:v>4.0621820000000002E-14</c:v>
                      </c:pt>
                      <c:pt idx="333">
                        <c:v>3.7658149999999999E-14</c:v>
                      </c:pt>
                      <c:pt idx="334">
                        <c:v>2.6134779999999999E-14</c:v>
                      </c:pt>
                      <c:pt idx="335">
                        <c:v>1.4887840000000001E-14</c:v>
                      </c:pt>
                      <c:pt idx="336">
                        <c:v>1.159529E-14</c:v>
                      </c:pt>
                      <c:pt idx="337">
                        <c:v>1.4654959999999999E-14</c:v>
                      </c:pt>
                      <c:pt idx="338">
                        <c:v>1.7691119999999999E-14</c:v>
                      </c:pt>
                      <c:pt idx="339">
                        <c:v>1.8486949999999999E-14</c:v>
                      </c:pt>
                      <c:pt idx="340">
                        <c:v>1.8783500000000001E-14</c:v>
                      </c:pt>
                      <c:pt idx="341">
                        <c:v>1.8587409999999999E-14</c:v>
                      </c:pt>
                      <c:pt idx="342">
                        <c:v>1.716436E-14</c:v>
                      </c:pt>
                      <c:pt idx="343">
                        <c:v>1.6461899999999999E-14</c:v>
                      </c:pt>
                      <c:pt idx="344">
                        <c:v>1.752188E-14</c:v>
                      </c:pt>
                      <c:pt idx="345">
                        <c:v>1.750637E-14</c:v>
                      </c:pt>
                      <c:pt idx="346">
                        <c:v>1.4276860000000001E-14</c:v>
                      </c:pt>
                      <c:pt idx="347">
                        <c:v>1.021964E-14</c:v>
                      </c:pt>
                      <c:pt idx="348">
                        <c:v>9.3002970000000006E-15</c:v>
                      </c:pt>
                      <c:pt idx="349">
                        <c:v>1.1929800000000001E-14</c:v>
                      </c:pt>
                      <c:pt idx="350">
                        <c:v>1.4228599999999999E-14</c:v>
                      </c:pt>
                      <c:pt idx="351">
                        <c:v>1.310745E-14</c:v>
                      </c:pt>
                      <c:pt idx="352">
                        <c:v>1.0384610000000001E-14</c:v>
                      </c:pt>
                      <c:pt idx="353">
                        <c:v>9.7969709999999993E-15</c:v>
                      </c:pt>
                      <c:pt idx="354">
                        <c:v>1.1797449999999999E-14</c:v>
                      </c:pt>
                      <c:pt idx="355">
                        <c:v>1.4096399999999999E-14</c:v>
                      </c:pt>
                      <c:pt idx="356">
                        <c:v>1.6641329999999999E-14</c:v>
                      </c:pt>
                      <c:pt idx="357">
                        <c:v>2.1470760000000001E-14</c:v>
                      </c:pt>
                      <c:pt idx="358">
                        <c:v>2.7143849999999999E-14</c:v>
                      </c:pt>
                      <c:pt idx="359">
                        <c:v>2.9655609999999998E-14</c:v>
                      </c:pt>
                      <c:pt idx="360">
                        <c:v>2.896058E-14</c:v>
                      </c:pt>
                      <c:pt idx="361">
                        <c:v>2.875142E-14</c:v>
                      </c:pt>
                      <c:pt idx="362">
                        <c:v>3.011244E-14</c:v>
                      </c:pt>
                      <c:pt idx="363">
                        <c:v>2.9961099999999997E-14</c:v>
                      </c:pt>
                      <c:pt idx="364">
                        <c:v>2.7073239999999999E-14</c:v>
                      </c:pt>
                      <c:pt idx="365">
                        <c:v>2.6868639999999999E-14</c:v>
                      </c:pt>
                      <c:pt idx="366">
                        <c:v>4.1959479999999998E-14</c:v>
                      </c:pt>
                      <c:pt idx="367">
                        <c:v>9.6275400000000002E-14</c:v>
                      </c:pt>
                      <c:pt idx="368">
                        <c:v>2.320373E-13</c:v>
                      </c:pt>
                      <c:pt idx="369">
                        <c:v>5.1062880000000003E-13</c:v>
                      </c:pt>
                      <c:pt idx="370">
                        <c:v>9.900631000000001E-13</c:v>
                      </c:pt>
                      <c:pt idx="371">
                        <c:v>1.666966E-12</c:v>
                      </c:pt>
                      <c:pt idx="372">
                        <c:v>2.4479919999999999E-12</c:v>
                      </c:pt>
                      <c:pt idx="373">
                        <c:v>3.2330070000000001E-12</c:v>
                      </c:pt>
                      <c:pt idx="374">
                        <c:v>4.0188389999999997E-12</c:v>
                      </c:pt>
                      <c:pt idx="375">
                        <c:v>4.8527469999999998E-12</c:v>
                      </c:pt>
                      <c:pt idx="376">
                        <c:v>5.7082490000000003E-12</c:v>
                      </c:pt>
                      <c:pt idx="377">
                        <c:v>6.4965550000000003E-12</c:v>
                      </c:pt>
                      <c:pt idx="378">
                        <c:v>7.1592780000000002E-12</c:v>
                      </c:pt>
                      <c:pt idx="379">
                        <c:v>7.6836499999999999E-12</c:v>
                      </c:pt>
                      <c:pt idx="380">
                        <c:v>8.0943090000000007E-12</c:v>
                      </c:pt>
                      <c:pt idx="381">
                        <c:v>8.4289090000000005E-12</c:v>
                      </c:pt>
                      <c:pt idx="382">
                        <c:v>8.6403310000000008E-12</c:v>
                      </c:pt>
                      <c:pt idx="383">
                        <c:v>8.6053119999999998E-12</c:v>
                      </c:pt>
                      <c:pt idx="384">
                        <c:v>8.2921730000000003E-12</c:v>
                      </c:pt>
                      <c:pt idx="385">
                        <c:v>7.8093490000000007E-12</c:v>
                      </c:pt>
                      <c:pt idx="386">
                        <c:v>7.2977409999999997E-12</c:v>
                      </c:pt>
                      <c:pt idx="387">
                        <c:v>6.831702E-12</c:v>
                      </c:pt>
                      <c:pt idx="388">
                        <c:v>6.3493499999999998E-12</c:v>
                      </c:pt>
                      <c:pt idx="389">
                        <c:v>5.6784650000000001E-12</c:v>
                      </c:pt>
                      <c:pt idx="390">
                        <c:v>4.6935869999999999E-12</c:v>
                      </c:pt>
                      <c:pt idx="391">
                        <c:v>3.4597760000000001E-12</c:v>
                      </c:pt>
                      <c:pt idx="392">
                        <c:v>2.2188729999999999E-12</c:v>
                      </c:pt>
                      <c:pt idx="393">
                        <c:v>1.224567E-12</c:v>
                      </c:pt>
                      <c:pt idx="394">
                        <c:v>5.8713050000000003E-13</c:v>
                      </c:pt>
                      <c:pt idx="395">
                        <c:v>2.5719470000000002E-13</c:v>
                      </c:pt>
                      <c:pt idx="396">
                        <c:v>1.1387719999999999E-13</c:v>
                      </c:pt>
                      <c:pt idx="397">
                        <c:v>5.6210830000000003E-14</c:v>
                      </c:pt>
                      <c:pt idx="398">
                        <c:v>3.472783E-14</c:v>
                      </c:pt>
                      <c:pt idx="399">
                        <c:v>3.0666039999999997E-14</c:v>
                      </c:pt>
                      <c:pt idx="400">
                        <c:v>3.2280379999999997E-14</c:v>
                      </c:pt>
                      <c:pt idx="401">
                        <c:v>3.3338849999999999E-14</c:v>
                      </c:pt>
                      <c:pt idx="402">
                        <c:v>3.651561E-14</c:v>
                      </c:pt>
                      <c:pt idx="403">
                        <c:v>4.6682939999999997E-14</c:v>
                      </c:pt>
                      <c:pt idx="404">
                        <c:v>6.6971680000000004E-14</c:v>
                      </c:pt>
                      <c:pt idx="405">
                        <c:v>1.014757E-13</c:v>
                      </c:pt>
                      <c:pt idx="406">
                        <c:v>1.5273500000000001E-13</c:v>
                      </c:pt>
                      <c:pt idx="407">
                        <c:v>2.1659550000000001E-13</c:v>
                      </c:pt>
                      <c:pt idx="408">
                        <c:v>2.8169730000000001E-13</c:v>
                      </c:pt>
                      <c:pt idx="409">
                        <c:v>3.36819E-13</c:v>
                      </c:pt>
                      <c:pt idx="410">
                        <c:v>3.845951E-13</c:v>
                      </c:pt>
                      <c:pt idx="411">
                        <c:v>4.398069E-13</c:v>
                      </c:pt>
                      <c:pt idx="412">
                        <c:v>5.0655550000000004E-13</c:v>
                      </c:pt>
                      <c:pt idx="413">
                        <c:v>5.704973E-13</c:v>
                      </c:pt>
                      <c:pt idx="414">
                        <c:v>6.1688760000000004E-13</c:v>
                      </c:pt>
                      <c:pt idx="415">
                        <c:v>6.4164799999999995E-13</c:v>
                      </c:pt>
                      <c:pt idx="416">
                        <c:v>6.4553329999999996E-13</c:v>
                      </c:pt>
                      <c:pt idx="417">
                        <c:v>6.3756710000000002E-13</c:v>
                      </c:pt>
                      <c:pt idx="418">
                        <c:v>6.3934040000000001E-13</c:v>
                      </c:pt>
                      <c:pt idx="419">
                        <c:v>6.5225749999999996E-13</c:v>
                      </c:pt>
                      <c:pt idx="420">
                        <c:v>6.329522E-13</c:v>
                      </c:pt>
                      <c:pt idx="421">
                        <c:v>5.4181559999999999E-13</c:v>
                      </c:pt>
                      <c:pt idx="422">
                        <c:v>4.0042340000000002E-13</c:v>
                      </c:pt>
                      <c:pt idx="423">
                        <c:v>2.658846E-13</c:v>
                      </c:pt>
                      <c:pt idx="424">
                        <c:v>1.7052240000000001E-13</c:v>
                      </c:pt>
                      <c:pt idx="425">
                        <c:v>1.1517159999999999E-13</c:v>
                      </c:pt>
                      <c:pt idx="426">
                        <c:v>9.259799E-14</c:v>
                      </c:pt>
                      <c:pt idx="427">
                        <c:v>9.375318E-14</c:v>
                      </c:pt>
                      <c:pt idx="428">
                        <c:v>1.0502700000000001E-13</c:v>
                      </c:pt>
                      <c:pt idx="429">
                        <c:v>1.10025E-13</c:v>
                      </c:pt>
                      <c:pt idx="430">
                        <c:v>9.917243E-14</c:v>
                      </c:pt>
                      <c:pt idx="431">
                        <c:v>7.8803090000000002E-14</c:v>
                      </c:pt>
                      <c:pt idx="432">
                        <c:v>6.4967829999999999E-14</c:v>
                      </c:pt>
                      <c:pt idx="433">
                        <c:v>6.9860059999999994E-14</c:v>
                      </c:pt>
                      <c:pt idx="434">
                        <c:v>9.5936020000000003E-14</c:v>
                      </c:pt>
                      <c:pt idx="435">
                        <c:v>1.363937E-13</c:v>
                      </c:pt>
                      <c:pt idx="436">
                        <c:v>1.813506E-13</c:v>
                      </c:pt>
                      <c:pt idx="437">
                        <c:v>2.3028980000000001E-13</c:v>
                      </c:pt>
                      <c:pt idx="438">
                        <c:v>2.9824879999999998E-13</c:v>
                      </c:pt>
                      <c:pt idx="439">
                        <c:v>3.9920510000000002E-13</c:v>
                      </c:pt>
                      <c:pt idx="440">
                        <c:v>5.2091210000000005E-13</c:v>
                      </c:pt>
                      <c:pt idx="441">
                        <c:v>6.3392080000000005E-13</c:v>
                      </c:pt>
                      <c:pt idx="442">
                        <c:v>7.2276680000000003E-13</c:v>
                      </c:pt>
                      <c:pt idx="443">
                        <c:v>7.9187070000000004E-13</c:v>
                      </c:pt>
                      <c:pt idx="444">
                        <c:v>8.493073E-13</c:v>
                      </c:pt>
                      <c:pt idx="445">
                        <c:v>8.8506170000000004E-13</c:v>
                      </c:pt>
                      <c:pt idx="446">
                        <c:v>8.7187830000000005E-13</c:v>
                      </c:pt>
                      <c:pt idx="447">
                        <c:v>8.1260200000000003E-13</c:v>
                      </c:pt>
                      <c:pt idx="448">
                        <c:v>7.5589440000000004E-13</c:v>
                      </c:pt>
                      <c:pt idx="449">
                        <c:v>7.2999659999999998E-13</c:v>
                      </c:pt>
                      <c:pt idx="450">
                        <c:v>7.0924079999999997E-13</c:v>
                      </c:pt>
                      <c:pt idx="451">
                        <c:v>6.6635769999999998E-13</c:v>
                      </c:pt>
                      <c:pt idx="452">
                        <c:v>6.0593409999999997E-13</c:v>
                      </c:pt>
                      <c:pt idx="453">
                        <c:v>5.3850100000000005E-13</c:v>
                      </c:pt>
                      <c:pt idx="454">
                        <c:v>4.5846100000000002E-13</c:v>
                      </c:pt>
                      <c:pt idx="455">
                        <c:v>3.5807869999999998E-13</c:v>
                      </c:pt>
                      <c:pt idx="456">
                        <c:v>2.4813890000000001E-13</c:v>
                      </c:pt>
                      <c:pt idx="457">
                        <c:v>1.5285129999999999E-13</c:v>
                      </c:pt>
                      <c:pt idx="458">
                        <c:v>8.9630879999999998E-14</c:v>
                      </c:pt>
                      <c:pt idx="459">
                        <c:v>5.9892980000000004E-14</c:v>
                      </c:pt>
                      <c:pt idx="460">
                        <c:v>5.6553949999999998E-14</c:v>
                      </c:pt>
                      <c:pt idx="461">
                        <c:v>7.8985420000000004E-14</c:v>
                      </c:pt>
                      <c:pt idx="462">
                        <c:v>1.3493970000000001E-13</c:v>
                      </c:pt>
                      <c:pt idx="463">
                        <c:v>2.227736E-13</c:v>
                      </c:pt>
                      <c:pt idx="464">
                        <c:v>3.2951929999999999E-13</c:v>
                      </c:pt>
                      <c:pt idx="465">
                        <c:v>4.5722179999999997E-13</c:v>
                      </c:pt>
                      <c:pt idx="466">
                        <c:v>6.1704719999999998E-13</c:v>
                      </c:pt>
                      <c:pt idx="467">
                        <c:v>7.9199070000000004E-13</c:v>
                      </c:pt>
                      <c:pt idx="468">
                        <c:v>9.58818E-13</c:v>
                      </c:pt>
                      <c:pt idx="469">
                        <c:v>1.1313830000000001E-12</c:v>
                      </c:pt>
                      <c:pt idx="470">
                        <c:v>1.3194890000000001E-12</c:v>
                      </c:pt>
                      <c:pt idx="471">
                        <c:v>1.4778749999999999E-12</c:v>
                      </c:pt>
                      <c:pt idx="472">
                        <c:v>1.5608040000000001E-12</c:v>
                      </c:pt>
                      <c:pt idx="473">
                        <c:v>1.59483E-12</c:v>
                      </c:pt>
                      <c:pt idx="474">
                        <c:v>1.6335200000000001E-12</c:v>
                      </c:pt>
                      <c:pt idx="475">
                        <c:v>1.667476E-12</c:v>
                      </c:pt>
                      <c:pt idx="476">
                        <c:v>1.6508050000000001E-12</c:v>
                      </c:pt>
                      <c:pt idx="477">
                        <c:v>1.594546E-12</c:v>
                      </c:pt>
                      <c:pt idx="478">
                        <c:v>1.5396309999999999E-12</c:v>
                      </c:pt>
                      <c:pt idx="479">
                        <c:v>1.4682859999999999E-12</c:v>
                      </c:pt>
                      <c:pt idx="480">
                        <c:v>1.34182E-12</c:v>
                      </c:pt>
                      <c:pt idx="481">
                        <c:v>1.17639E-12</c:v>
                      </c:pt>
                      <c:pt idx="482">
                        <c:v>1.011586E-12</c:v>
                      </c:pt>
                      <c:pt idx="483">
                        <c:v>8.6411610000000003E-13</c:v>
                      </c:pt>
                      <c:pt idx="484">
                        <c:v>7.4026029999999999E-13</c:v>
                      </c:pt>
                      <c:pt idx="485">
                        <c:v>6.4213530000000004E-13</c:v>
                      </c:pt>
                      <c:pt idx="486">
                        <c:v>5.515304E-13</c:v>
                      </c:pt>
                      <c:pt idx="487">
                        <c:v>4.4023100000000001E-13</c:v>
                      </c:pt>
                      <c:pt idx="488">
                        <c:v>3.0695480000000001E-13</c:v>
                      </c:pt>
                      <c:pt idx="489">
                        <c:v>1.8376799999999999E-13</c:v>
                      </c:pt>
                      <c:pt idx="490">
                        <c:v>1.006084E-13</c:v>
                      </c:pt>
                      <c:pt idx="491">
                        <c:v>6.1459989999999999E-14</c:v>
                      </c:pt>
                      <c:pt idx="492">
                        <c:v>5.3795179999999999E-14</c:v>
                      </c:pt>
                      <c:pt idx="493">
                        <c:v>6.5076159999999996E-14</c:v>
                      </c:pt>
                      <c:pt idx="494">
                        <c:v>9.081319E-14</c:v>
                      </c:pt>
                      <c:pt idx="495">
                        <c:v>1.443356E-13</c:v>
                      </c:pt>
                      <c:pt idx="496">
                        <c:v>2.7958080000000001E-13</c:v>
                      </c:pt>
                      <c:pt idx="497">
                        <c:v>6.0669099999999998E-13</c:v>
                      </c:pt>
                      <c:pt idx="498">
                        <c:v>1.2576750000000001E-12</c:v>
                      </c:pt>
                      <c:pt idx="499">
                        <c:v>2.3067909999999999E-12</c:v>
                      </c:pt>
                      <c:pt idx="500">
                        <c:v>3.7236660000000001E-12</c:v>
                      </c:pt>
                      <c:pt idx="501">
                        <c:v>5.3996909999999998E-12</c:v>
                      </c:pt>
                      <c:pt idx="502">
                        <c:v>7.1773019999999997E-12</c:v>
                      </c:pt>
                      <c:pt idx="503">
                        <c:v>8.8555080000000006E-12</c:v>
                      </c:pt>
                      <c:pt idx="504">
                        <c:v>1.028177E-11</c:v>
                      </c:pt>
                      <c:pt idx="505">
                        <c:v>1.147183E-11</c:v>
                      </c:pt>
                      <c:pt idx="506">
                        <c:v>1.251755E-11</c:v>
                      </c:pt>
                      <c:pt idx="507">
                        <c:v>1.342081E-11</c:v>
                      </c:pt>
                      <c:pt idx="508">
                        <c:v>1.412331E-11</c:v>
                      </c:pt>
                      <c:pt idx="509">
                        <c:v>1.4590839999999998E-11</c:v>
                      </c:pt>
                      <c:pt idx="510">
                        <c:v>1.4832019999999998E-11</c:v>
                      </c:pt>
                      <c:pt idx="511">
                        <c:v>1.4871710000000001E-11</c:v>
                      </c:pt>
                      <c:pt idx="512">
                        <c:v>1.467383E-11</c:v>
                      </c:pt>
                      <c:pt idx="513">
                        <c:v>1.415833E-11</c:v>
                      </c:pt>
                      <c:pt idx="514">
                        <c:v>1.331008E-11</c:v>
                      </c:pt>
                      <c:pt idx="515">
                        <c:v>1.221641E-11</c:v>
                      </c:pt>
                      <c:pt idx="516">
                        <c:v>1.101055E-11</c:v>
                      </c:pt>
                      <c:pt idx="517">
                        <c:v>9.7140349999999992E-12</c:v>
                      </c:pt>
                      <c:pt idx="518">
                        <c:v>8.1687099999999994E-12</c:v>
                      </c:pt>
                      <c:pt idx="519">
                        <c:v>6.2858080000000003E-12</c:v>
                      </c:pt>
                      <c:pt idx="520">
                        <c:v>4.2854379999999996E-12</c:v>
                      </c:pt>
                      <c:pt idx="521">
                        <c:v>2.5541099999999999E-12</c:v>
                      </c:pt>
                      <c:pt idx="522">
                        <c:v>1.338873E-12</c:v>
                      </c:pt>
                      <c:pt idx="523">
                        <c:v>6.3137089999999998E-13</c:v>
                      </c:pt>
                      <c:pt idx="524">
                        <c:v>2.7383179999999998E-13</c:v>
                      </c:pt>
                      <c:pt idx="525">
                        <c:v>1.093731E-13</c:v>
                      </c:pt>
                      <c:pt idx="526">
                        <c:v>4.3205710000000002E-14</c:v>
                      </c:pt>
                      <c:pt idx="527">
                        <c:v>2.9259829999999999E-14</c:v>
                      </c:pt>
                      <c:pt idx="528">
                        <c:v>5.003548E-14</c:v>
                      </c:pt>
                      <c:pt idx="529">
                        <c:v>1.16033E-13</c:v>
                      </c:pt>
                      <c:pt idx="530">
                        <c:v>2.6403289999999999E-13</c:v>
                      </c:pt>
                      <c:pt idx="531">
                        <c:v>5.2139760000000001E-13</c:v>
                      </c:pt>
                      <c:pt idx="532">
                        <c:v>8.5736709999999995E-13</c:v>
                      </c:pt>
                      <c:pt idx="533">
                        <c:v>1.1991659999999999E-12</c:v>
                      </c:pt>
                      <c:pt idx="534">
                        <c:v>1.508858E-12</c:v>
                      </c:pt>
                      <c:pt idx="535">
                        <c:v>1.805073E-12</c:v>
                      </c:pt>
                      <c:pt idx="536">
                        <c:v>2.1064369999999999E-12</c:v>
                      </c:pt>
                      <c:pt idx="537">
                        <c:v>2.400413E-12</c:v>
                      </c:pt>
                      <c:pt idx="538">
                        <c:v>2.6752189999999998E-12</c:v>
                      </c:pt>
                      <c:pt idx="539">
                        <c:v>2.9438499999999998E-12</c:v>
                      </c:pt>
                      <c:pt idx="540">
                        <c:v>3.205726E-12</c:v>
                      </c:pt>
                      <c:pt idx="541">
                        <c:v>3.406059E-12</c:v>
                      </c:pt>
                      <c:pt idx="542">
                        <c:v>3.4830969999999999E-12</c:v>
                      </c:pt>
                      <c:pt idx="543">
                        <c:v>3.4389749999999999E-12</c:v>
                      </c:pt>
                      <c:pt idx="544">
                        <c:v>3.318917E-12</c:v>
                      </c:pt>
                      <c:pt idx="545">
                        <c:v>3.1565440000000001E-12</c:v>
                      </c:pt>
                      <c:pt idx="546">
                        <c:v>2.9740490000000001E-12</c:v>
                      </c:pt>
                      <c:pt idx="547">
                        <c:v>2.7930389999999998E-12</c:v>
                      </c:pt>
                      <c:pt idx="548">
                        <c:v>2.6082729999999999E-12</c:v>
                      </c:pt>
                      <c:pt idx="549">
                        <c:v>2.3711979999999999E-12</c:v>
                      </c:pt>
                      <c:pt idx="550">
                        <c:v>2.0395080000000001E-12</c:v>
                      </c:pt>
                      <c:pt idx="551">
                        <c:v>1.6279870000000001E-12</c:v>
                      </c:pt>
                      <c:pt idx="552">
                        <c:v>1.1848590000000001E-12</c:v>
                      </c:pt>
                      <c:pt idx="553">
                        <c:v>7.6786899999999997E-13</c:v>
                      </c:pt>
                      <c:pt idx="554">
                        <c:v>4.4925369999999999E-13</c:v>
                      </c:pt>
                      <c:pt idx="555">
                        <c:v>2.8250860000000002E-13</c:v>
                      </c:pt>
                      <c:pt idx="556">
                        <c:v>2.6727190000000002E-13</c:v>
                      </c:pt>
                      <c:pt idx="557">
                        <c:v>3.6544959999999999E-13</c:v>
                      </c:pt>
                      <c:pt idx="558">
                        <c:v>5.2613099999999997E-13</c:v>
                      </c:pt>
                      <c:pt idx="559">
                        <c:v>7.0217639999999998E-13</c:v>
                      </c:pt>
                      <c:pt idx="560">
                        <c:v>8.9232279999999998E-13</c:v>
                      </c:pt>
                      <c:pt idx="561">
                        <c:v>1.1598530000000001E-12</c:v>
                      </c:pt>
                      <c:pt idx="562">
                        <c:v>1.569963E-12</c:v>
                      </c:pt>
                      <c:pt idx="563">
                        <c:v>2.1280160000000002E-12</c:v>
                      </c:pt>
                      <c:pt idx="564">
                        <c:v>2.7858420000000001E-12</c:v>
                      </c:pt>
                      <c:pt idx="565">
                        <c:v>3.4799779999999999E-12</c:v>
                      </c:pt>
                      <c:pt idx="566">
                        <c:v>4.1678730000000002E-12</c:v>
                      </c:pt>
                      <c:pt idx="567">
                        <c:v>4.8281699999999996E-12</c:v>
                      </c:pt>
                      <c:pt idx="568">
                        <c:v>5.4231019999999997E-12</c:v>
                      </c:pt>
                      <c:pt idx="569">
                        <c:v>5.9004649999999997E-12</c:v>
                      </c:pt>
                      <c:pt idx="570">
                        <c:v>6.2475650000000001E-12</c:v>
                      </c:pt>
                      <c:pt idx="571">
                        <c:v>6.5042460000000004E-12</c:v>
                      </c:pt>
                      <c:pt idx="572">
                        <c:v>6.6977629999999996E-12</c:v>
                      </c:pt>
                      <c:pt idx="573">
                        <c:v>6.7790690000000003E-12</c:v>
                      </c:pt>
                      <c:pt idx="574">
                        <c:v>6.6637040000000003E-12</c:v>
                      </c:pt>
                      <c:pt idx="575">
                        <c:v>6.340547E-12</c:v>
                      </c:pt>
                      <c:pt idx="576">
                        <c:v>5.8920549999999998E-12</c:v>
                      </c:pt>
                      <c:pt idx="577">
                        <c:v>5.4286710000000003E-12</c:v>
                      </c:pt>
                      <c:pt idx="578">
                        <c:v>5.05174E-12</c:v>
                      </c:pt>
                      <c:pt idx="579">
                        <c:v>4.801043E-12</c:v>
                      </c:pt>
                      <c:pt idx="580">
                        <c:v>4.5813339999999997E-12</c:v>
                      </c:pt>
                      <c:pt idx="581">
                        <c:v>4.2215189999999998E-12</c:v>
                      </c:pt>
                      <c:pt idx="582">
                        <c:v>3.6368010000000002E-12</c:v>
                      </c:pt>
                      <c:pt idx="583">
                        <c:v>2.8786789999999998E-12</c:v>
                      </c:pt>
                      <c:pt idx="584">
                        <c:v>2.0523129999999999E-12</c:v>
                      </c:pt>
                      <c:pt idx="585">
                        <c:v>1.270857E-12</c:v>
                      </c:pt>
                      <c:pt idx="586">
                        <c:v>6.548593E-13</c:v>
                      </c:pt>
                      <c:pt idx="587">
                        <c:v>2.7349279999999998E-13</c:v>
                      </c:pt>
                      <c:pt idx="588">
                        <c:v>9.4993470000000001E-14</c:v>
                      </c:pt>
                      <c:pt idx="589">
                        <c:v>3.3449299999999999E-14</c:v>
                      </c:pt>
                      <c:pt idx="590">
                        <c:v>1.9720150000000002E-14</c:v>
                      </c:pt>
                      <c:pt idx="591">
                        <c:v>2.1891550000000001E-14</c:v>
                      </c:pt>
                      <c:pt idx="592">
                        <c:v>3.1965459999999999E-14</c:v>
                      </c:pt>
                      <c:pt idx="593">
                        <c:v>5.0990750000000003E-14</c:v>
                      </c:pt>
                      <c:pt idx="594">
                        <c:v>8.2943919999999999E-14</c:v>
                      </c:pt>
                      <c:pt idx="595">
                        <c:v>1.3403490000000001E-13</c:v>
                      </c:pt>
                      <c:pt idx="596">
                        <c:v>2.049462E-13</c:v>
                      </c:pt>
                      <c:pt idx="597">
                        <c:v>2.8030400000000001E-13</c:v>
                      </c:pt>
                      <c:pt idx="598">
                        <c:v>3.383274E-13</c:v>
                      </c:pt>
                      <c:pt idx="599">
                        <c:v>3.7478170000000002E-13</c:v>
                      </c:pt>
                      <c:pt idx="600">
                        <c:v>4.0484989999999998E-13</c:v>
                      </c:pt>
                      <c:pt idx="601">
                        <c:v>4.4063099999999998E-13</c:v>
                      </c:pt>
                      <c:pt idx="602">
                        <c:v>4.8124340000000002E-13</c:v>
                      </c:pt>
                      <c:pt idx="603">
                        <c:v>5.2348519999999998E-13</c:v>
                      </c:pt>
                      <c:pt idx="604">
                        <c:v>5.7222780000000002E-13</c:v>
                      </c:pt>
                      <c:pt idx="605">
                        <c:v>6.3198130000000004E-13</c:v>
                      </c:pt>
                      <c:pt idx="606">
                        <c:v>6.8069E-13</c:v>
                      </c:pt>
                      <c:pt idx="607">
                        <c:v>6.7661110000000001E-13</c:v>
                      </c:pt>
                      <c:pt idx="608">
                        <c:v>6.1533290000000002E-13</c:v>
                      </c:pt>
                      <c:pt idx="609">
                        <c:v>5.4547060000000004E-13</c:v>
                      </c:pt>
                      <c:pt idx="610">
                        <c:v>5.0337639999999996E-13</c:v>
                      </c:pt>
                      <c:pt idx="611">
                        <c:v>4.7300670000000003E-13</c:v>
                      </c:pt>
                      <c:pt idx="612">
                        <c:v>4.2612659999999998E-13</c:v>
                      </c:pt>
                      <c:pt idx="613">
                        <c:v>3.6077769999999999E-13</c:v>
                      </c:pt>
                      <c:pt idx="614">
                        <c:v>2.8968699999999999E-13</c:v>
                      </c:pt>
                      <c:pt idx="615">
                        <c:v>2.2216140000000001E-13</c:v>
                      </c:pt>
                      <c:pt idx="616">
                        <c:v>1.6255339999999999E-13</c:v>
                      </c:pt>
                      <c:pt idx="617">
                        <c:v>1.116475E-13</c:v>
                      </c:pt>
                      <c:pt idx="618">
                        <c:v>7.0117510000000002E-14</c:v>
                      </c:pt>
                      <c:pt idx="619">
                        <c:v>4.0435440000000003E-14</c:v>
                      </c:pt>
                      <c:pt idx="620">
                        <c:v>2.2527409999999999E-14</c:v>
                      </c:pt>
                      <c:pt idx="621">
                        <c:v>1.277746E-14</c:v>
                      </c:pt>
                      <c:pt idx="622">
                        <c:v>8.4683190000000005E-15</c:v>
                      </c:pt>
                      <c:pt idx="623">
                        <c:v>9.2978270000000004E-15</c:v>
                      </c:pt>
                      <c:pt idx="624">
                        <c:v>1.503885E-14</c:v>
                      </c:pt>
                      <c:pt idx="625">
                        <c:v>2.3854170000000001E-14</c:v>
                      </c:pt>
                      <c:pt idx="626">
                        <c:v>3.4048640000000003E-14</c:v>
                      </c:pt>
                      <c:pt idx="627">
                        <c:v>4.7768310000000003E-14</c:v>
                      </c:pt>
                      <c:pt idx="628">
                        <c:v>6.9053339999999998E-14</c:v>
                      </c:pt>
                      <c:pt idx="629">
                        <c:v>9.8850070000000003E-14</c:v>
                      </c:pt>
                      <c:pt idx="630">
                        <c:v>1.3799789999999999E-13</c:v>
                      </c:pt>
                      <c:pt idx="631">
                        <c:v>1.8635590000000001E-13</c:v>
                      </c:pt>
                      <c:pt idx="632">
                        <c:v>2.317877E-13</c:v>
                      </c:pt>
                      <c:pt idx="633">
                        <c:v>2.559404E-13</c:v>
                      </c:pt>
                      <c:pt idx="634">
                        <c:v>2.5769040000000001E-13</c:v>
                      </c:pt>
                      <c:pt idx="635">
                        <c:v>2.5657190000000002E-13</c:v>
                      </c:pt>
                      <c:pt idx="636">
                        <c:v>2.6937689999999999E-13</c:v>
                      </c:pt>
                      <c:pt idx="637">
                        <c:v>2.9368989999999998E-13</c:v>
                      </c:pt>
                      <c:pt idx="638">
                        <c:v>3.1298829999999999E-13</c:v>
                      </c:pt>
                      <c:pt idx="639">
                        <c:v>3.1033249999999998E-13</c:v>
                      </c:pt>
                      <c:pt idx="640">
                        <c:v>2.8213219999999999E-13</c:v>
                      </c:pt>
                      <c:pt idx="641">
                        <c:v>2.4274349999999998E-13</c:v>
                      </c:pt>
                      <c:pt idx="642">
                        <c:v>2.1369549999999999E-13</c:v>
                      </c:pt>
                      <c:pt idx="643">
                        <c:v>2.0821719999999999E-13</c:v>
                      </c:pt>
                      <c:pt idx="644">
                        <c:v>2.197138E-13</c:v>
                      </c:pt>
                      <c:pt idx="645">
                        <c:v>2.232157E-13</c:v>
                      </c:pt>
                      <c:pt idx="646">
                        <c:v>2.006478E-13</c:v>
                      </c:pt>
                      <c:pt idx="647">
                        <c:v>1.5995699999999999E-13</c:v>
                      </c:pt>
                      <c:pt idx="648">
                        <c:v>1.1742370000000001E-13</c:v>
                      </c:pt>
                      <c:pt idx="649">
                        <c:v>7.9817739999999998E-14</c:v>
                      </c:pt>
                      <c:pt idx="650">
                        <c:v>5.0158290000000003E-14</c:v>
                      </c:pt>
                      <c:pt idx="651">
                        <c:v>3.0280570000000003E-14</c:v>
                      </c:pt>
                      <c:pt idx="652">
                        <c:v>1.766593E-14</c:v>
                      </c:pt>
                      <c:pt idx="653">
                        <c:v>9.5584569999999993E-15</c:v>
                      </c:pt>
                      <c:pt idx="654">
                        <c:v>5.5241070000000003E-15</c:v>
                      </c:pt>
                      <c:pt idx="655">
                        <c:v>4.3329860000000002E-15</c:v>
                      </c:pt>
                      <c:pt idx="656">
                        <c:v>3.4271450000000002E-15</c:v>
                      </c:pt>
                      <c:pt idx="657">
                        <c:v>1.3162899999999999E-15</c:v>
                      </c:pt>
                      <c:pt idx="658">
                        <c:v>-1.746574E-15</c:v>
                      </c:pt>
                      <c:pt idx="659">
                        <c:v>-4.6553100000000003E-15</c:v>
                      </c:pt>
                      <c:pt idx="660">
                        <c:v>-6.2073749999999996E-15</c:v>
                      </c:pt>
                      <c:pt idx="661">
                        <c:v>-5.7430590000000001E-15</c:v>
                      </c:pt>
                      <c:pt idx="662">
                        <c:v>-3.4059009999999998E-15</c:v>
                      </c:pt>
                      <c:pt idx="663">
                        <c:v>4.8193650000000002E-17</c:v>
                      </c:pt>
                      <c:pt idx="664">
                        <c:v>3.5818319999999997E-15</c:v>
                      </c:pt>
                      <c:pt idx="665">
                        <c:v>6.4407129999999999E-15</c:v>
                      </c:pt>
                      <c:pt idx="666">
                        <c:v>8.1777620000000002E-15</c:v>
                      </c:pt>
                      <c:pt idx="667">
                        <c:v>8.0841759999999995E-15</c:v>
                      </c:pt>
                      <c:pt idx="668">
                        <c:v>5.8286889999999998E-15</c:v>
                      </c:pt>
                      <c:pt idx="669">
                        <c:v>2.3806489999999999E-15</c:v>
                      </c:pt>
                      <c:pt idx="670">
                        <c:v>-7.7820409999999996E-16</c:v>
                      </c:pt>
                      <c:pt idx="671">
                        <c:v>-2.586479E-15</c:v>
                      </c:pt>
                      <c:pt idx="672">
                        <c:v>-2.800693E-15</c:v>
                      </c:pt>
                      <c:pt idx="673">
                        <c:v>-2.2922949999999999E-15</c:v>
                      </c:pt>
                      <c:pt idx="674">
                        <c:v>-2.0084060000000002E-15</c:v>
                      </c:pt>
                      <c:pt idx="675">
                        <c:v>-1.732509E-15</c:v>
                      </c:pt>
                      <c:pt idx="676">
                        <c:v>-7.8805269999999996E-16</c:v>
                      </c:pt>
                      <c:pt idx="677">
                        <c:v>1.0301090000000001E-15</c:v>
                      </c:pt>
                      <c:pt idx="678">
                        <c:v>3.1795240000000001E-15</c:v>
                      </c:pt>
                      <c:pt idx="679">
                        <c:v>3.869484E-15</c:v>
                      </c:pt>
                      <c:pt idx="680">
                        <c:v>1.522377E-15</c:v>
                      </c:pt>
                      <c:pt idx="681">
                        <c:v>-2.8222859999999999E-15</c:v>
                      </c:pt>
                      <c:pt idx="682">
                        <c:v>-6.4331739999999996E-15</c:v>
                      </c:pt>
                      <c:pt idx="683">
                        <c:v>-7.7305810000000001E-15</c:v>
                      </c:pt>
                      <c:pt idx="684">
                        <c:v>-6.7978369999999998E-15</c:v>
                      </c:pt>
                      <c:pt idx="685">
                        <c:v>-3.9011559999999996E-15</c:v>
                      </c:pt>
                      <c:pt idx="686">
                        <c:v>4.1517290000000002E-16</c:v>
                      </c:pt>
                      <c:pt idx="687">
                        <c:v>4.2991560000000002E-15</c:v>
                      </c:pt>
                      <c:pt idx="688">
                        <c:v>5.9236620000000001E-15</c:v>
                      </c:pt>
                      <c:pt idx="689">
                        <c:v>6.1845740000000003E-15</c:v>
                      </c:pt>
                      <c:pt idx="690">
                        <c:v>9.3319809999999997E-15</c:v>
                      </c:pt>
                      <c:pt idx="691">
                        <c:v>1.8875469999999999E-14</c:v>
                      </c:pt>
                      <c:pt idx="692">
                        <c:v>3.1242380000000002E-14</c:v>
                      </c:pt>
                      <c:pt idx="693">
                        <c:v>3.7500589999999999E-14</c:v>
                      </c:pt>
                      <c:pt idx="694">
                        <c:v>3.436157E-14</c:v>
                      </c:pt>
                      <c:pt idx="695">
                        <c:v>2.9514029999999999E-14</c:v>
                      </c:pt>
                      <c:pt idx="696">
                        <c:v>3.3277229999999998E-14</c:v>
                      </c:pt>
                      <c:pt idx="697">
                        <c:v>4.7739680000000001E-14</c:v>
                      </c:pt>
                      <c:pt idx="698">
                        <c:v>6.7522399999999996E-14</c:v>
                      </c:pt>
                      <c:pt idx="699">
                        <c:v>9.1007459999999998E-14</c:v>
                      </c:pt>
                      <c:pt idx="700">
                        <c:v>1.2877629999999999E-13</c:v>
                      </c:pt>
                      <c:pt idx="701">
                        <c:v>1.9830789999999999E-13</c:v>
                      </c:pt>
                      <c:pt idx="702">
                        <c:v>3.0458889999999999E-13</c:v>
                      </c:pt>
                      <c:pt idx="703">
                        <c:v>4.2686970000000001E-13</c:v>
                      </c:pt>
                      <c:pt idx="704">
                        <c:v>5.3622320000000004E-13</c:v>
                      </c:pt>
                      <c:pt idx="705">
                        <c:v>6.2591440000000002E-13</c:v>
                      </c:pt>
                      <c:pt idx="706">
                        <c:v>7.0670370000000002E-13</c:v>
                      </c:pt>
                      <c:pt idx="707">
                        <c:v>7.7282400000000002E-13</c:v>
                      </c:pt>
                      <c:pt idx="708">
                        <c:v>8.014203E-13</c:v>
                      </c:pt>
                      <c:pt idx="709">
                        <c:v>7.8840710000000001E-13</c:v>
                      </c:pt>
                      <c:pt idx="710">
                        <c:v>7.6245789999999996E-13</c:v>
                      </c:pt>
                      <c:pt idx="711">
                        <c:v>7.5766919999999998E-13</c:v>
                      </c:pt>
                      <c:pt idx="712">
                        <c:v>7.7484929999999997E-13</c:v>
                      </c:pt>
                      <c:pt idx="713">
                        <c:v>7.8601399999999999E-13</c:v>
                      </c:pt>
                      <c:pt idx="714">
                        <c:v>7.766176E-13</c:v>
                      </c:pt>
                      <c:pt idx="715">
                        <c:v>7.5301479999999998E-13</c:v>
                      </c:pt>
                      <c:pt idx="716">
                        <c:v>7.1266840000000002E-13</c:v>
                      </c:pt>
                      <c:pt idx="717">
                        <c:v>6.3226150000000003E-13</c:v>
                      </c:pt>
                      <c:pt idx="718">
                        <c:v>4.9715940000000003E-13</c:v>
                      </c:pt>
                      <c:pt idx="719">
                        <c:v>3.3497110000000001E-13</c:v>
                      </c:pt>
                      <c:pt idx="720">
                        <c:v>1.9489690000000001E-13</c:v>
                      </c:pt>
                      <c:pt idx="721">
                        <c:v>1.0244160000000001E-13</c:v>
                      </c:pt>
                      <c:pt idx="722">
                        <c:v>5.1450029999999999E-14</c:v>
                      </c:pt>
                      <c:pt idx="723">
                        <c:v>2.4642809999999999E-14</c:v>
                      </c:pt>
                      <c:pt idx="724">
                        <c:v>1.006017E-14</c:v>
                      </c:pt>
                      <c:pt idx="725">
                        <c:v>2.6708800000000001E-15</c:v>
                      </c:pt>
                      <c:pt idx="726">
                        <c:v>-4.7295440000000002E-16</c:v>
                      </c:pt>
                      <c:pt idx="727">
                        <c:v>-1.5542599999999999E-15</c:v>
                      </c:pt>
                      <c:pt idx="728">
                        <c:v>-1.4876339999999999E-15</c:v>
                      </c:pt>
                      <c:pt idx="729">
                        <c:v>-5.3477810000000003E-16</c:v>
                      </c:pt>
                      <c:pt idx="730">
                        <c:v>8.9178499999999996E-16</c:v>
                      </c:pt>
                      <c:pt idx="731">
                        <c:v>1.8642860000000001E-15</c:v>
                      </c:pt>
                      <c:pt idx="732">
                        <c:v>1.8462349999999999E-15</c:v>
                      </c:pt>
                      <c:pt idx="733">
                        <c:v>1.8239179999999998E-15</c:v>
                      </c:pt>
                      <c:pt idx="734">
                        <c:v>3.266858E-15</c:v>
                      </c:pt>
                      <c:pt idx="735">
                        <c:v>6.584261E-15</c:v>
                      </c:pt>
                      <c:pt idx="736">
                        <c:v>1.070914E-14</c:v>
                      </c:pt>
                      <c:pt idx="737">
                        <c:v>1.298449E-14</c:v>
                      </c:pt>
                      <c:pt idx="738">
                        <c:v>1.0941879999999999E-14</c:v>
                      </c:pt>
                      <c:pt idx="739">
                        <c:v>5.6208530000000001E-15</c:v>
                      </c:pt>
                      <c:pt idx="740">
                        <c:v>6.7467229999999996E-16</c:v>
                      </c:pt>
                      <c:pt idx="741">
                        <c:v>-2.1718769999999999E-15</c:v>
                      </c:pt>
                      <c:pt idx="742">
                        <c:v>-3.5918249999999999E-15</c:v>
                      </c:pt>
                      <c:pt idx="743">
                        <c:v>-4.4072159999999998E-15</c:v>
                      </c:pt>
                      <c:pt idx="744">
                        <c:v>-5.3991230000000003E-15</c:v>
                      </c:pt>
                      <c:pt idx="745">
                        <c:v>-6.554852E-15</c:v>
                      </c:pt>
                      <c:pt idx="746">
                        <c:v>-6.209235E-15</c:v>
                      </c:pt>
                      <c:pt idx="747">
                        <c:v>-3.4825610000000001E-15</c:v>
                      </c:pt>
                      <c:pt idx="748">
                        <c:v>-2.323008E-16</c:v>
                      </c:pt>
                      <c:pt idx="749">
                        <c:v>1.2561149999999999E-15</c:v>
                      </c:pt>
                      <c:pt idx="750">
                        <c:v>8.9445170000000006E-16</c:v>
                      </c:pt>
                      <c:pt idx="751">
                        <c:v>3.2850330000000001E-16</c:v>
                      </c:pt>
                      <c:pt idx="752">
                        <c:v>8.5884780000000004E-16</c:v>
                      </c:pt>
                      <c:pt idx="753">
                        <c:v>2.1854080000000001E-15</c:v>
                      </c:pt>
                      <c:pt idx="754">
                        <c:v>3.2682339999999999E-15</c:v>
                      </c:pt>
                      <c:pt idx="755">
                        <c:v>3.6478070000000002E-15</c:v>
                      </c:pt>
                      <c:pt idx="756">
                        <c:v>3.2497089999999999E-15</c:v>
                      </c:pt>
                      <c:pt idx="757">
                        <c:v>1.707382E-15</c:v>
                      </c:pt>
                      <c:pt idx="758">
                        <c:v>-9.3863459999999999E-16</c:v>
                      </c:pt>
                      <c:pt idx="759">
                        <c:v>-2.7862420000000001E-15</c:v>
                      </c:pt>
                      <c:pt idx="760">
                        <c:v>-1.648829E-15</c:v>
                      </c:pt>
                      <c:pt idx="761">
                        <c:v>1.469102E-15</c:v>
                      </c:pt>
                      <c:pt idx="762">
                        <c:v>4.057913E-15</c:v>
                      </c:pt>
                      <c:pt idx="763">
                        <c:v>6.579906E-15</c:v>
                      </c:pt>
                      <c:pt idx="764">
                        <c:v>1.087482E-14</c:v>
                      </c:pt>
                      <c:pt idx="765">
                        <c:v>1.6182870000000001E-14</c:v>
                      </c:pt>
                      <c:pt idx="766">
                        <c:v>2.0431070000000001E-14</c:v>
                      </c:pt>
                      <c:pt idx="767">
                        <c:v>2.2800589999999999E-14</c:v>
                      </c:pt>
                      <c:pt idx="768">
                        <c:v>2.3615110000000001E-14</c:v>
                      </c:pt>
                      <c:pt idx="769">
                        <c:v>2.3925430000000001E-14</c:v>
                      </c:pt>
                      <c:pt idx="770">
                        <c:v>2.506038E-14</c:v>
                      </c:pt>
                      <c:pt idx="771">
                        <c:v>2.7666650000000001E-14</c:v>
                      </c:pt>
                      <c:pt idx="772">
                        <c:v>3.0331669999999998E-14</c:v>
                      </c:pt>
                      <c:pt idx="773">
                        <c:v>2.9150639999999999E-14</c:v>
                      </c:pt>
                      <c:pt idx="774">
                        <c:v>2.193442E-14</c:v>
                      </c:pt>
                      <c:pt idx="775">
                        <c:v>1.307901E-14</c:v>
                      </c:pt>
                      <c:pt idx="776">
                        <c:v>9.8558589999999994E-15</c:v>
                      </c:pt>
                      <c:pt idx="777">
                        <c:v>1.330607E-14</c:v>
                      </c:pt>
                      <c:pt idx="778">
                        <c:v>1.7146390000000001E-14</c:v>
                      </c:pt>
                      <c:pt idx="779">
                        <c:v>1.674007E-14</c:v>
                      </c:pt>
                      <c:pt idx="780">
                        <c:v>1.3985309999999999E-14</c:v>
                      </c:pt>
                      <c:pt idx="781">
                        <c:v>1.2085240000000001E-14</c:v>
                      </c:pt>
                      <c:pt idx="782">
                        <c:v>1.0662169999999999E-14</c:v>
                      </c:pt>
                      <c:pt idx="783">
                        <c:v>7.5982689999999997E-15</c:v>
                      </c:pt>
                      <c:pt idx="784">
                        <c:v>2.859846E-15</c:v>
                      </c:pt>
                      <c:pt idx="785">
                        <c:v>-1.439625E-15</c:v>
                      </c:pt>
                      <c:pt idx="786">
                        <c:v>-4.062351E-15</c:v>
                      </c:pt>
                      <c:pt idx="787">
                        <c:v>-5.5397439999999996E-15</c:v>
                      </c:pt>
                      <c:pt idx="788">
                        <c:v>-5.94869E-15</c:v>
                      </c:pt>
                      <c:pt idx="789">
                        <c:v>-3.8480130000000002E-15</c:v>
                      </c:pt>
                      <c:pt idx="790">
                        <c:v>1.9269510000000001E-15</c:v>
                      </c:pt>
                      <c:pt idx="791">
                        <c:v>1.009693E-14</c:v>
                      </c:pt>
                      <c:pt idx="792">
                        <c:v>1.7276939999999999E-14</c:v>
                      </c:pt>
                      <c:pt idx="793">
                        <c:v>2.1630860000000001E-14</c:v>
                      </c:pt>
                      <c:pt idx="794">
                        <c:v>2.461378E-14</c:v>
                      </c:pt>
                      <c:pt idx="795">
                        <c:v>2.6964200000000001E-14</c:v>
                      </c:pt>
                      <c:pt idx="796">
                        <c:v>2.7335420000000001E-14</c:v>
                      </c:pt>
                      <c:pt idx="797">
                        <c:v>2.7075680000000001E-14</c:v>
                      </c:pt>
                      <c:pt idx="798">
                        <c:v>2.9677279999999997E-14</c:v>
                      </c:pt>
                      <c:pt idx="799">
                        <c:v>3.3850409999999998E-14</c:v>
                      </c:pt>
                      <c:pt idx="800">
                        <c:v>3.403898E-14</c:v>
                      </c:pt>
                      <c:pt idx="801">
                        <c:v>2.7802550000000001E-14</c:v>
                      </c:pt>
                      <c:pt idx="802">
                        <c:v>1.831107E-14</c:v>
                      </c:pt>
                      <c:pt idx="803">
                        <c:v>1.0867419999999999E-14</c:v>
                      </c:pt>
                      <c:pt idx="804">
                        <c:v>7.7909590000000001E-15</c:v>
                      </c:pt>
                      <c:pt idx="805">
                        <c:v>7.1123960000000001E-15</c:v>
                      </c:pt>
                      <c:pt idx="806">
                        <c:v>6.730119E-15</c:v>
                      </c:pt>
                      <c:pt idx="807">
                        <c:v>6.6255520000000002E-15</c:v>
                      </c:pt>
                      <c:pt idx="808">
                        <c:v>6.8577629999999999E-15</c:v>
                      </c:pt>
                      <c:pt idx="809">
                        <c:v>6.7565019999999997E-15</c:v>
                      </c:pt>
                      <c:pt idx="810">
                        <c:v>5.8908819999999996E-15</c:v>
                      </c:pt>
                      <c:pt idx="811">
                        <c:v>4.3014409999999998E-15</c:v>
                      </c:pt>
                      <c:pt idx="812">
                        <c:v>2.5083640000000001E-15</c:v>
                      </c:pt>
                      <c:pt idx="813">
                        <c:v>1.4244830000000001E-15</c:v>
                      </c:pt>
                      <c:pt idx="814">
                        <c:v>1.560796E-15</c:v>
                      </c:pt>
                      <c:pt idx="815">
                        <c:v>2.3655369999999999E-15</c:v>
                      </c:pt>
                      <c:pt idx="816">
                        <c:v>2.4299879999999998E-15</c:v>
                      </c:pt>
                      <c:pt idx="817">
                        <c:v>1.1830939999999999E-15</c:v>
                      </c:pt>
                      <c:pt idx="818">
                        <c:v>2.6853229999999998E-16</c:v>
                      </c:pt>
                      <c:pt idx="819">
                        <c:v>1.352949E-15</c:v>
                      </c:pt>
                      <c:pt idx="820">
                        <c:v>4.0282520000000004E-15</c:v>
                      </c:pt>
                      <c:pt idx="821">
                        <c:v>8.2288729999999994E-15</c:v>
                      </c:pt>
                      <c:pt idx="822">
                        <c:v>1.5905649999999999E-14</c:v>
                      </c:pt>
                      <c:pt idx="823">
                        <c:v>2.7268680000000001E-14</c:v>
                      </c:pt>
                      <c:pt idx="824">
                        <c:v>3.8213570000000003E-14</c:v>
                      </c:pt>
                      <c:pt idx="825">
                        <c:v>4.5508510000000003E-14</c:v>
                      </c:pt>
                      <c:pt idx="826">
                        <c:v>5.2212419999999999E-14</c:v>
                      </c:pt>
                      <c:pt idx="827">
                        <c:v>6.2101370000000001E-14</c:v>
                      </c:pt>
                      <c:pt idx="828">
                        <c:v>7.0583679999999994E-14</c:v>
                      </c:pt>
                      <c:pt idx="829">
                        <c:v>6.9895999999999998E-14</c:v>
                      </c:pt>
                      <c:pt idx="830">
                        <c:v>6.17913E-14</c:v>
                      </c:pt>
                      <c:pt idx="831">
                        <c:v>5.495145E-14</c:v>
                      </c:pt>
                      <c:pt idx="832">
                        <c:v>5.1692860000000001E-14</c:v>
                      </c:pt>
                      <c:pt idx="833">
                        <c:v>4.6349150000000001E-14</c:v>
                      </c:pt>
                      <c:pt idx="834">
                        <c:v>3.5994230000000002E-14</c:v>
                      </c:pt>
                      <c:pt idx="835">
                        <c:v>2.5128459999999999E-14</c:v>
                      </c:pt>
                      <c:pt idx="836">
                        <c:v>1.9435939999999999E-14</c:v>
                      </c:pt>
                      <c:pt idx="837">
                        <c:v>2.0785949999999999E-14</c:v>
                      </c:pt>
                      <c:pt idx="838">
                        <c:v>2.6895600000000001E-14</c:v>
                      </c:pt>
                      <c:pt idx="839">
                        <c:v>3.1617960000000003E-14</c:v>
                      </c:pt>
                      <c:pt idx="840">
                        <c:v>2.9365869999999998E-14</c:v>
                      </c:pt>
                      <c:pt idx="841">
                        <c:v>2.132854E-14</c:v>
                      </c:pt>
                      <c:pt idx="842">
                        <c:v>1.3114520000000001E-14</c:v>
                      </c:pt>
                      <c:pt idx="843">
                        <c:v>7.0857020000000004E-15</c:v>
                      </c:pt>
                      <c:pt idx="844">
                        <c:v>1.4404090000000001E-15</c:v>
                      </c:pt>
                      <c:pt idx="845">
                        <c:v>-4.3949029999999999E-15</c:v>
                      </c:pt>
                      <c:pt idx="846">
                        <c:v>-7.8426649999999994E-15</c:v>
                      </c:pt>
                      <c:pt idx="847">
                        <c:v>-6.9706520000000002E-15</c:v>
                      </c:pt>
                      <c:pt idx="848">
                        <c:v>-3.4913110000000001E-15</c:v>
                      </c:pt>
                      <c:pt idx="849">
                        <c:v>-9.534326999999999E-16</c:v>
                      </c:pt>
                      <c:pt idx="850">
                        <c:v>-7.1201679999999997E-16</c:v>
                      </c:pt>
                      <c:pt idx="851">
                        <c:v>-8.2087070000000004E-16</c:v>
                      </c:pt>
                      <c:pt idx="852">
                        <c:v>8.7312580000000002E-16</c:v>
                      </c:pt>
                      <c:pt idx="853">
                        <c:v>4.5947769999999998E-15</c:v>
                      </c:pt>
                      <c:pt idx="854">
                        <c:v>1.053329E-14</c:v>
                      </c:pt>
                      <c:pt idx="855">
                        <c:v>1.967012E-14</c:v>
                      </c:pt>
                      <c:pt idx="856">
                        <c:v>3.1384109999999999E-14</c:v>
                      </c:pt>
                      <c:pt idx="857">
                        <c:v>4.3508010000000001E-14</c:v>
                      </c:pt>
                      <c:pt idx="858">
                        <c:v>5.3538440000000001E-14</c:v>
                      </c:pt>
                      <c:pt idx="859">
                        <c:v>5.7315389999999999E-14</c:v>
                      </c:pt>
                      <c:pt idx="860">
                        <c:v>5.3844259999999997E-14</c:v>
                      </c:pt>
                      <c:pt idx="861">
                        <c:v>5.1624979999999998E-14</c:v>
                      </c:pt>
                      <c:pt idx="862">
                        <c:v>5.8263779999999997E-14</c:v>
                      </c:pt>
                      <c:pt idx="863">
                        <c:v>6.803772E-14</c:v>
                      </c:pt>
                      <c:pt idx="864">
                        <c:v>7.0858660000000002E-14</c:v>
                      </c:pt>
                      <c:pt idx="865">
                        <c:v>6.6658339999999999E-14</c:v>
                      </c:pt>
                      <c:pt idx="866">
                        <c:v>6.2685569999999998E-14</c:v>
                      </c:pt>
                      <c:pt idx="867">
                        <c:v>6.1472329999999999E-14</c:v>
                      </c:pt>
                      <c:pt idx="868">
                        <c:v>5.774604E-14</c:v>
                      </c:pt>
                      <c:pt idx="869">
                        <c:v>4.7708030000000001E-14</c:v>
                      </c:pt>
                      <c:pt idx="870">
                        <c:v>3.6911499999999999E-14</c:v>
                      </c:pt>
                      <c:pt idx="871">
                        <c:v>3.3547670000000003E-14</c:v>
                      </c:pt>
                      <c:pt idx="872">
                        <c:v>3.6437239999999999E-14</c:v>
                      </c:pt>
                      <c:pt idx="873">
                        <c:v>3.6950350000000003E-14</c:v>
                      </c:pt>
                      <c:pt idx="874">
                        <c:v>3.1513219999999997E-14</c:v>
                      </c:pt>
                      <c:pt idx="875">
                        <c:v>2.4603879999999999E-14</c:v>
                      </c:pt>
                      <c:pt idx="876">
                        <c:v>2.142772E-14</c:v>
                      </c:pt>
                      <c:pt idx="877">
                        <c:v>2.4775560000000001E-14</c:v>
                      </c:pt>
                      <c:pt idx="878">
                        <c:v>3.5916929999999997E-14</c:v>
                      </c:pt>
                      <c:pt idx="879">
                        <c:v>5.5431609999999997E-14</c:v>
                      </c:pt>
                      <c:pt idx="880">
                        <c:v>8.9888570000000001E-14</c:v>
                      </c:pt>
                      <c:pt idx="881">
                        <c:v>1.6410180000000001E-13</c:v>
                      </c:pt>
                      <c:pt idx="882">
                        <c:v>3.290954E-13</c:v>
                      </c:pt>
                      <c:pt idx="883">
                        <c:v>6.5430990000000001E-13</c:v>
                      </c:pt>
                      <c:pt idx="884">
                        <c:v>1.196599E-12</c:v>
                      </c:pt>
                      <c:pt idx="885">
                        <c:v>1.9638259999999998E-12</c:v>
                      </c:pt>
                      <c:pt idx="886">
                        <c:v>2.905257E-12</c:v>
                      </c:pt>
                      <c:pt idx="887">
                        <c:v>3.9218440000000001E-12</c:v>
                      </c:pt>
                      <c:pt idx="888">
                        <c:v>4.8882119999999998E-12</c:v>
                      </c:pt>
                      <c:pt idx="889">
                        <c:v>5.7074549999999999E-12</c:v>
                      </c:pt>
                      <c:pt idx="890">
                        <c:v>6.3564279999999999E-12</c:v>
                      </c:pt>
                      <c:pt idx="891">
                        <c:v>6.8724250000000004E-12</c:v>
                      </c:pt>
                      <c:pt idx="892">
                        <c:v>7.3013100000000001E-12</c:v>
                      </c:pt>
                      <c:pt idx="893">
                        <c:v>7.6439279999999998E-12</c:v>
                      </c:pt>
                      <c:pt idx="894">
                        <c:v>7.8566219999999992E-12</c:v>
                      </c:pt>
                      <c:pt idx="895">
                        <c:v>7.9011219999999997E-12</c:v>
                      </c:pt>
                      <c:pt idx="896">
                        <c:v>7.7791429999999992E-12</c:v>
                      </c:pt>
                      <c:pt idx="897">
                        <c:v>7.5397220000000001E-12</c:v>
                      </c:pt>
                      <c:pt idx="898">
                        <c:v>7.2424669999999998E-12</c:v>
                      </c:pt>
                      <c:pt idx="899">
                        <c:v>6.8960330000000002E-12</c:v>
                      </c:pt>
                      <c:pt idx="900">
                        <c:v>6.475549E-12</c:v>
                      </c:pt>
                      <c:pt idx="901">
                        <c:v>5.9735009999999997E-12</c:v>
                      </c:pt>
                      <c:pt idx="902">
                        <c:v>5.3558920000000001E-12</c:v>
                      </c:pt>
                      <c:pt idx="903">
                        <c:v>4.522215E-12</c:v>
                      </c:pt>
                      <c:pt idx="904">
                        <c:v>3.432231E-12</c:v>
                      </c:pt>
                      <c:pt idx="905">
                        <c:v>2.2464810000000001E-12</c:v>
                      </c:pt>
                      <c:pt idx="906">
                        <c:v>1.235073E-12</c:v>
                      </c:pt>
                      <c:pt idx="907">
                        <c:v>5.6384030000000002E-13</c:v>
                      </c:pt>
                      <c:pt idx="908">
                        <c:v>2.1442319999999999E-13</c:v>
                      </c:pt>
                      <c:pt idx="909">
                        <c:v>6.9244970000000005E-14</c:v>
                      </c:pt>
                      <c:pt idx="910">
                        <c:v>1.9788059999999999E-14</c:v>
                      </c:pt>
                      <c:pt idx="911">
                        <c:v>5.6888029999999999E-15</c:v>
                      </c:pt>
                      <c:pt idx="912">
                        <c:v>2.478931E-15</c:v>
                      </c:pt>
                      <c:pt idx="913">
                        <c:v>1.987518E-15</c:v>
                      </c:pt>
                      <c:pt idx="914">
                        <c:v>2.8048660000000001E-15</c:v>
                      </c:pt>
                      <c:pt idx="915">
                        <c:v>7.3648930000000007E-15</c:v>
                      </c:pt>
                      <c:pt idx="916">
                        <c:v>1.8454049999999999E-14</c:v>
                      </c:pt>
                      <c:pt idx="917">
                        <c:v>3.5517469999999998E-14</c:v>
                      </c:pt>
                      <c:pt idx="918">
                        <c:v>5.4756769999999999E-14</c:v>
                      </c:pt>
                      <c:pt idx="919">
                        <c:v>7.3145729999999995E-14</c:v>
                      </c:pt>
                      <c:pt idx="920">
                        <c:v>9.0430379999999994E-14</c:v>
                      </c:pt>
                      <c:pt idx="921">
                        <c:v>1.044729E-13</c:v>
                      </c:pt>
                      <c:pt idx="922">
                        <c:v>1.097979E-13</c:v>
                      </c:pt>
                      <c:pt idx="923">
                        <c:v>1.070311E-13</c:v>
                      </c:pt>
                      <c:pt idx="924">
                        <c:v>1.062007E-13</c:v>
                      </c:pt>
                      <c:pt idx="925">
                        <c:v>1.128562E-13</c:v>
                      </c:pt>
                      <c:pt idx="926">
                        <c:v>1.19695E-13</c:v>
                      </c:pt>
                      <c:pt idx="927">
                        <c:v>1.185927E-13</c:v>
                      </c:pt>
                      <c:pt idx="928">
                        <c:v>1.113802E-13</c:v>
                      </c:pt>
                      <c:pt idx="929">
                        <c:v>1.058204E-13</c:v>
                      </c:pt>
                      <c:pt idx="930">
                        <c:v>1.092948E-13</c:v>
                      </c:pt>
                      <c:pt idx="931">
                        <c:v>1.231178E-13</c:v>
                      </c:pt>
                      <c:pt idx="932">
                        <c:v>1.3609150000000001E-13</c:v>
                      </c:pt>
                      <c:pt idx="933">
                        <c:v>1.3208019999999999E-13</c:v>
                      </c:pt>
                      <c:pt idx="934">
                        <c:v>1.113078E-13</c:v>
                      </c:pt>
                      <c:pt idx="935">
                        <c:v>9.4954830000000003E-14</c:v>
                      </c:pt>
                      <c:pt idx="936">
                        <c:v>1.0437879999999999E-13</c:v>
                      </c:pt>
                      <c:pt idx="937">
                        <c:v>1.430471E-13</c:v>
                      </c:pt>
                      <c:pt idx="938">
                        <c:v>1.9735660000000001E-13</c:v>
                      </c:pt>
                      <c:pt idx="939">
                        <c:v>2.4992090000000002E-13</c:v>
                      </c:pt>
                      <c:pt idx="940">
                        <c:v>2.9736259999999999E-13</c:v>
                      </c:pt>
                      <c:pt idx="941">
                        <c:v>3.5269400000000002E-13</c:v>
                      </c:pt>
                      <c:pt idx="942">
                        <c:v>4.292945E-13</c:v>
                      </c:pt>
                      <c:pt idx="943">
                        <c:v>5.3637900000000001E-13</c:v>
                      </c:pt>
                      <c:pt idx="944">
                        <c:v>6.7159419999999997E-13</c:v>
                      </c:pt>
                      <c:pt idx="945">
                        <c:v>7.9793210000000001E-13</c:v>
                      </c:pt>
                      <c:pt idx="946">
                        <c:v>8.6096049999999998E-13</c:v>
                      </c:pt>
                      <c:pt idx="947">
                        <c:v>8.450162E-13</c:v>
                      </c:pt>
                      <c:pt idx="948">
                        <c:v>7.8291100000000002E-13</c:v>
                      </c:pt>
                      <c:pt idx="949">
                        <c:v>7.1168080000000001E-13</c:v>
                      </c:pt>
                      <c:pt idx="950">
                        <c:v>6.5098210000000002E-13</c:v>
                      </c:pt>
                      <c:pt idx="951">
                        <c:v>6.1604999999999999E-13</c:v>
                      </c:pt>
                      <c:pt idx="952">
                        <c:v>6.1626089999999996E-13</c:v>
                      </c:pt>
                      <c:pt idx="953">
                        <c:v>6.2880119999999999E-13</c:v>
                      </c:pt>
                      <c:pt idx="954">
                        <c:v>5.9932149999999997E-13</c:v>
                      </c:pt>
                      <c:pt idx="955">
                        <c:v>5.0022260000000005E-13</c:v>
                      </c:pt>
                      <c:pt idx="956">
                        <c:v>3.661813E-13</c:v>
                      </c:pt>
                      <c:pt idx="957">
                        <c:v>2.5113449999999998E-13</c:v>
                      </c:pt>
                      <c:pt idx="958">
                        <c:v>1.792302E-13</c:v>
                      </c:pt>
                      <c:pt idx="959">
                        <c:v>1.418249E-13</c:v>
                      </c:pt>
                      <c:pt idx="960">
                        <c:v>1.1818000000000001E-13</c:v>
                      </c:pt>
                      <c:pt idx="961">
                        <c:v>9.4922209999999994E-14</c:v>
                      </c:pt>
                      <c:pt idx="962">
                        <c:v>7.3080649999999999E-14</c:v>
                      </c:pt>
                      <c:pt idx="963">
                        <c:v>6.1505040000000004E-14</c:v>
                      </c:pt>
                      <c:pt idx="964">
                        <c:v>6.4080539999999994E-14</c:v>
                      </c:pt>
                      <c:pt idx="965">
                        <c:v>7.2488930000000005E-14</c:v>
                      </c:pt>
                      <c:pt idx="966">
                        <c:v>7.2699760000000001E-14</c:v>
                      </c:pt>
                      <c:pt idx="967">
                        <c:v>5.8520180000000005E-14</c:v>
                      </c:pt>
                      <c:pt idx="968">
                        <c:v>3.6936610000000003E-14</c:v>
                      </c:pt>
                      <c:pt idx="969">
                        <c:v>2.0831799999999999E-14</c:v>
                      </c:pt>
                      <c:pt idx="970">
                        <c:v>1.6925779999999999E-14</c:v>
                      </c:pt>
                      <c:pt idx="971">
                        <c:v>1.9910129999999999E-14</c:v>
                      </c:pt>
                      <c:pt idx="972">
                        <c:v>1.972109E-14</c:v>
                      </c:pt>
                      <c:pt idx="973">
                        <c:v>1.376056E-14</c:v>
                      </c:pt>
                      <c:pt idx="974">
                        <c:v>7.7275650000000004E-15</c:v>
                      </c:pt>
                      <c:pt idx="975">
                        <c:v>5.6921609999999996E-15</c:v>
                      </c:pt>
                      <c:pt idx="976">
                        <c:v>5.4803339999999997E-15</c:v>
                      </c:pt>
                      <c:pt idx="977">
                        <c:v>3.618158E-15</c:v>
                      </c:pt>
                      <c:pt idx="978">
                        <c:v>-7.0431940000000001E-17</c:v>
                      </c:pt>
                      <c:pt idx="979">
                        <c:v>-3.3251120000000001E-15</c:v>
                      </c:pt>
                      <c:pt idx="980">
                        <c:v>-4.6073349999999998E-15</c:v>
                      </c:pt>
                      <c:pt idx="981">
                        <c:v>-4.1357869999999998E-15</c:v>
                      </c:pt>
                      <c:pt idx="982">
                        <c:v>-2.55815E-15</c:v>
                      </c:pt>
                      <c:pt idx="983">
                        <c:v>-3.609726E-16</c:v>
                      </c:pt>
                      <c:pt idx="984">
                        <c:v>2.503413E-15</c:v>
                      </c:pt>
                      <c:pt idx="985">
                        <c:v>7.2182639999999999E-15</c:v>
                      </c:pt>
                      <c:pt idx="986">
                        <c:v>1.473146E-14</c:v>
                      </c:pt>
                      <c:pt idx="987">
                        <c:v>2.3790550000000001E-14</c:v>
                      </c:pt>
                      <c:pt idx="988">
                        <c:v>2.9967800000000002E-14</c:v>
                      </c:pt>
                      <c:pt idx="989">
                        <c:v>2.7716650000000001E-14</c:v>
                      </c:pt>
                      <c:pt idx="990">
                        <c:v>1.6436720000000001E-14</c:v>
                      </c:pt>
                      <c:pt idx="991">
                        <c:v>2.9864369999999998E-15</c:v>
                      </c:pt>
                      <c:pt idx="992">
                        <c:v>-3.8712580000000001E-15</c:v>
                      </c:pt>
                      <c:pt idx="993">
                        <c:v>-1.1636969999999999E-15</c:v>
                      </c:pt>
                      <c:pt idx="994">
                        <c:v>5.768639E-15</c:v>
                      </c:pt>
                      <c:pt idx="995">
                        <c:v>8.9152789999999994E-15</c:v>
                      </c:pt>
                      <c:pt idx="996">
                        <c:v>5.8758529999999997E-15</c:v>
                      </c:pt>
                      <c:pt idx="997">
                        <c:v>5.7356410000000005E-16</c:v>
                      </c:pt>
                      <c:pt idx="998">
                        <c:v>-2.8478180000000002E-15</c:v>
                      </c:pt>
                      <c:pt idx="999">
                        <c:v>-3.4007109999999998E-15</c:v>
                      </c:pt>
                      <c:pt idx="1000">
                        <c:v>-2.4375490000000001E-15</c:v>
                      </c:pt>
                      <c:pt idx="1001">
                        <c:v>-1.798804E-15</c:v>
                      </c:pt>
                      <c:pt idx="1002">
                        <c:v>-2.0684809999999999E-15</c:v>
                      </c:pt>
                      <c:pt idx="1003">
                        <c:v>-2.447761E-15</c:v>
                      </c:pt>
                      <c:pt idx="1004">
                        <c:v>-2.0170959999999999E-15</c:v>
                      </c:pt>
                      <c:pt idx="1005">
                        <c:v>-9.7998779999999998E-16</c:v>
                      </c:pt>
                      <c:pt idx="1006">
                        <c:v>-3.6616250000000001E-16</c:v>
                      </c:pt>
                      <c:pt idx="1007">
                        <c:v>1.0045439999999999E-16</c:v>
                      </c:pt>
                      <c:pt idx="1008">
                        <c:v>2.4354359999999999E-15</c:v>
                      </c:pt>
                      <c:pt idx="1009">
                        <c:v>7.7713800000000005E-15</c:v>
                      </c:pt>
                      <c:pt idx="1010">
                        <c:v>1.670735E-14</c:v>
                      </c:pt>
                      <c:pt idx="1011">
                        <c:v>3.3450949999999998E-14</c:v>
                      </c:pt>
                      <c:pt idx="1012">
                        <c:v>6.2275479999999994E-14</c:v>
                      </c:pt>
                      <c:pt idx="1013">
                        <c:v>9.790956E-14</c:v>
                      </c:pt>
                      <c:pt idx="1014">
                        <c:v>1.3039769999999999E-13</c:v>
                      </c:pt>
                      <c:pt idx="1015">
                        <c:v>1.627802E-13</c:v>
                      </c:pt>
                      <c:pt idx="1016">
                        <c:v>2.128386E-13</c:v>
                      </c:pt>
                      <c:pt idx="1017">
                        <c:v>2.9173920000000002E-13</c:v>
                      </c:pt>
                      <c:pt idx="1018">
                        <c:v>3.8470169999999999E-13</c:v>
                      </c:pt>
                      <c:pt idx="1019">
                        <c:v>4.5897490000000001E-13</c:v>
                      </c:pt>
                      <c:pt idx="1020">
                        <c:v>4.9656660000000003E-13</c:v>
                      </c:pt>
                      <c:pt idx="1021">
                        <c:v>5.0966690000000002E-13</c:v>
                      </c:pt>
                      <c:pt idx="1022">
                        <c:v>5.1715349999999997E-13</c:v>
                      </c:pt>
                      <c:pt idx="1023">
                        <c:v>5.2451010000000001E-13</c:v>
                      </c:pt>
                      <c:pt idx="1024">
                        <c:v>5.2995139999999998E-13</c:v>
                      </c:pt>
                      <c:pt idx="1025">
                        <c:v>5.3467909999999999E-13</c:v>
                      </c:pt>
                      <c:pt idx="1026">
                        <c:v>5.4466210000000002E-13</c:v>
                      </c:pt>
                      <c:pt idx="1027">
                        <c:v>5.5842279999999996E-13</c:v>
                      </c:pt>
                      <c:pt idx="1028">
                        <c:v>5.5831859999999999E-13</c:v>
                      </c:pt>
                      <c:pt idx="1029">
                        <c:v>5.311631E-13</c:v>
                      </c:pt>
                      <c:pt idx="1030">
                        <c:v>4.7724609999999998E-13</c:v>
                      </c:pt>
                      <c:pt idx="1031">
                        <c:v>3.905879E-13</c:v>
                      </c:pt>
                      <c:pt idx="1032">
                        <c:v>2.7247500000000001E-13</c:v>
                      </c:pt>
                      <c:pt idx="1033">
                        <c:v>1.5562199999999999E-13</c:v>
                      </c:pt>
                      <c:pt idx="1034">
                        <c:v>7.566436E-14</c:v>
                      </c:pt>
                      <c:pt idx="1035">
                        <c:v>3.6157909999999998E-14</c:v>
                      </c:pt>
                      <c:pt idx="1036">
                        <c:v>1.971874E-14</c:v>
                      </c:pt>
                      <c:pt idx="1037">
                        <c:v>1.266589E-14</c:v>
                      </c:pt>
                      <c:pt idx="1038">
                        <c:v>9.1575609999999995E-15</c:v>
                      </c:pt>
                      <c:pt idx="1039">
                        <c:v>6.4519100000000003E-15</c:v>
                      </c:pt>
                      <c:pt idx="1040">
                        <c:v>4.1156619999999999E-15</c:v>
                      </c:pt>
                      <c:pt idx="1041">
                        <c:v>3.9264979999999998E-15</c:v>
                      </c:pt>
                      <c:pt idx="1042">
                        <c:v>8.1014729999999997E-15</c:v>
                      </c:pt>
                      <c:pt idx="1043">
                        <c:v>1.5941389999999999E-14</c:v>
                      </c:pt>
                      <c:pt idx="1044">
                        <c:v>2.1876609999999999E-14</c:v>
                      </c:pt>
                      <c:pt idx="1045">
                        <c:v>2.0496300000000001E-14</c:v>
                      </c:pt>
                      <c:pt idx="1046">
                        <c:v>1.251544E-14</c:v>
                      </c:pt>
                      <c:pt idx="1047">
                        <c:v>2.697825E-15</c:v>
                      </c:pt>
                      <c:pt idx="1048">
                        <c:v>-4.6453030000000002E-15</c:v>
                      </c:pt>
                      <c:pt idx="1049">
                        <c:v>-7.5182310000000005E-15</c:v>
                      </c:pt>
                      <c:pt idx="1050">
                        <c:v>-6.99044E-15</c:v>
                      </c:pt>
                      <c:pt idx="1051">
                        <c:v>-5.6133229999999997E-15</c:v>
                      </c:pt>
                      <c:pt idx="1052">
                        <c:v>-4.5581299999999998E-15</c:v>
                      </c:pt>
                      <c:pt idx="1053">
                        <c:v>-2.9413290000000002E-15</c:v>
                      </c:pt>
                      <c:pt idx="1054">
                        <c:v>4.6804370000000003E-16</c:v>
                      </c:pt>
                      <c:pt idx="1055">
                        <c:v>4.7334099999999997E-15</c:v>
                      </c:pt>
                      <c:pt idx="1056">
                        <c:v>6.646418E-15</c:v>
                      </c:pt>
                      <c:pt idx="1057">
                        <c:v>4.5983330000000002E-15</c:v>
                      </c:pt>
                      <c:pt idx="1058">
                        <c:v>8.8419730000000004E-16</c:v>
                      </c:pt>
                      <c:pt idx="1059">
                        <c:v>-1.6668630000000001E-15</c:v>
                      </c:pt>
                      <c:pt idx="1060">
                        <c:v>-3.2611669999999998E-15</c:v>
                      </c:pt>
                      <c:pt idx="1061">
                        <c:v>-5.058463E-15</c:v>
                      </c:pt>
                      <c:pt idx="1062">
                        <c:v>-5.7581310000000002E-15</c:v>
                      </c:pt>
                      <c:pt idx="1063">
                        <c:v>-3.4821670000000001E-15</c:v>
                      </c:pt>
                      <c:pt idx="1064">
                        <c:v>4.2638040000000001E-16</c:v>
                      </c:pt>
                      <c:pt idx="1065">
                        <c:v>2.6339240000000001E-15</c:v>
                      </c:pt>
                      <c:pt idx="1066">
                        <c:v>2.2040899999999999E-15</c:v>
                      </c:pt>
                      <c:pt idx="1067">
                        <c:v>1.029035E-15</c:v>
                      </c:pt>
                      <c:pt idx="1068">
                        <c:v>1.6488909999999999E-16</c:v>
                      </c:pt>
                      <c:pt idx="1069">
                        <c:v>-1.286922E-15</c:v>
                      </c:pt>
                      <c:pt idx="1070">
                        <c:v>-3.534551E-15</c:v>
                      </c:pt>
                      <c:pt idx="1071">
                        <c:v>-5.0843830000000002E-15</c:v>
                      </c:pt>
                      <c:pt idx="1072">
                        <c:v>-4.694369E-15</c:v>
                      </c:pt>
                      <c:pt idx="1073">
                        <c:v>-2.789413E-15</c:v>
                      </c:pt>
                      <c:pt idx="1074">
                        <c:v>-1.0550759999999999E-15</c:v>
                      </c:pt>
                      <c:pt idx="1075">
                        <c:v>-1.088599E-15</c:v>
                      </c:pt>
                      <c:pt idx="1076">
                        <c:v>-2.5962120000000001E-15</c:v>
                      </c:pt>
                      <c:pt idx="1077">
                        <c:v>-3.2475619999999999E-15</c:v>
                      </c:pt>
                      <c:pt idx="1078">
                        <c:v>-1.056757E-15</c:v>
                      </c:pt>
                      <c:pt idx="1079">
                        <c:v>3.7867659999999997E-15</c:v>
                      </c:pt>
                      <c:pt idx="1080">
                        <c:v>9.2955009999999995E-15</c:v>
                      </c:pt>
                      <c:pt idx="1081">
                        <c:v>1.33001E-14</c:v>
                      </c:pt>
                      <c:pt idx="1082">
                        <c:v>1.4566369999999998E-14</c:v>
                      </c:pt>
                      <c:pt idx="1083">
                        <c:v>1.3158009999999999E-14</c:v>
                      </c:pt>
                      <c:pt idx="1084">
                        <c:v>1.0417760000000001E-14</c:v>
                      </c:pt>
                      <c:pt idx="1085">
                        <c:v>7.4336500000000004E-15</c:v>
                      </c:pt>
                      <c:pt idx="1086">
                        <c:v>4.1628299999999998E-15</c:v>
                      </c:pt>
                      <c:pt idx="1087">
                        <c:v>8.1323150000000003E-16</c:v>
                      </c:pt>
                      <c:pt idx="1088">
                        <c:v>-1.787936E-15</c:v>
                      </c:pt>
                      <c:pt idx="1089">
                        <c:v>-3.4099599999999999E-15</c:v>
                      </c:pt>
                      <c:pt idx="1090">
                        <c:v>-4.5088390000000003E-15</c:v>
                      </c:pt>
                      <c:pt idx="1091">
                        <c:v>-5.1741289999999997E-15</c:v>
                      </c:pt>
                      <c:pt idx="1092">
                        <c:v>-4.389702E-15</c:v>
                      </c:pt>
                      <c:pt idx="1093">
                        <c:v>-6.2877699999999998E-16</c:v>
                      </c:pt>
                      <c:pt idx="1094">
                        <c:v>5.537652E-15</c:v>
                      </c:pt>
                      <c:pt idx="1095">
                        <c:v>1.015978E-14</c:v>
                      </c:pt>
                      <c:pt idx="1096">
                        <c:v>9.6912470000000004E-15</c:v>
                      </c:pt>
                      <c:pt idx="1097">
                        <c:v>5.3427229999999996E-15</c:v>
                      </c:pt>
                      <c:pt idx="1098">
                        <c:v>1.4538100000000001E-15</c:v>
                      </c:pt>
                      <c:pt idx="1099">
                        <c:v>1.509378E-16</c:v>
                      </c:pt>
                      <c:pt idx="1100">
                        <c:v>-2.8560400000000002E-16</c:v>
                      </c:pt>
                      <c:pt idx="1101">
                        <c:v>-1.942758E-15</c:v>
                      </c:pt>
                      <c:pt idx="1102">
                        <c:v>-4.4011089999999996E-15</c:v>
                      </c:pt>
                      <c:pt idx="1103">
                        <c:v>-5.6493320000000003E-15</c:v>
                      </c:pt>
                      <c:pt idx="1104">
                        <c:v>-4.4417320000000001E-15</c:v>
                      </c:pt>
                      <c:pt idx="1105">
                        <c:v>-1.6001450000000001E-15</c:v>
                      </c:pt>
                      <c:pt idx="1106">
                        <c:v>6.7576570000000002E-16</c:v>
                      </c:pt>
                      <c:pt idx="1107">
                        <c:v>9.5731280000000006E-16</c:v>
                      </c:pt>
                      <c:pt idx="1108">
                        <c:v>-8.074065E-17</c:v>
                      </c:pt>
                      <c:pt idx="1109">
                        <c:v>-6.6999369999999999E-16</c:v>
                      </c:pt>
                      <c:pt idx="1110">
                        <c:v>-1.131782E-16</c:v>
                      </c:pt>
                      <c:pt idx="1111">
                        <c:v>6.3123779999999998E-16</c:v>
                      </c:pt>
                      <c:pt idx="1112">
                        <c:v>6.2620030000000004E-16</c:v>
                      </c:pt>
                      <c:pt idx="1113">
                        <c:v>1.9858470000000001E-16</c:v>
                      </c:pt>
                      <c:pt idx="1114">
                        <c:v>1.1298400000000001E-16</c:v>
                      </c:pt>
                      <c:pt idx="1115">
                        <c:v>5.1675830000000005E-16</c:v>
                      </c:pt>
                      <c:pt idx="1116">
                        <c:v>1.2104709999999999E-15</c:v>
                      </c:pt>
                      <c:pt idx="1117">
                        <c:v>2.6032519999999999E-15</c:v>
                      </c:pt>
                      <c:pt idx="1118">
                        <c:v>5.5129989999999996E-15</c:v>
                      </c:pt>
                      <c:pt idx="1119">
                        <c:v>9.4902499999999999E-15</c:v>
                      </c:pt>
                      <c:pt idx="1120">
                        <c:v>1.2589960000000001E-14</c:v>
                      </c:pt>
                      <c:pt idx="1121">
                        <c:v>1.328663E-14</c:v>
                      </c:pt>
                      <c:pt idx="1122">
                        <c:v>1.1436829999999999E-14</c:v>
                      </c:pt>
                      <c:pt idx="1123">
                        <c:v>8.1880549999999993E-15</c:v>
                      </c:pt>
                      <c:pt idx="1124">
                        <c:v>5.7574990000000004E-15</c:v>
                      </c:pt>
                      <c:pt idx="1125">
                        <c:v>5.6636409999999997E-15</c:v>
                      </c:pt>
                      <c:pt idx="1126">
                        <c:v>6.9496730000000002E-15</c:v>
                      </c:pt>
                      <c:pt idx="1127">
                        <c:v>7.2150399999999998E-15</c:v>
                      </c:pt>
                      <c:pt idx="1128">
                        <c:v>5.2494880000000004E-15</c:v>
                      </c:pt>
                      <c:pt idx="1129">
                        <c:v>1.847367E-15</c:v>
                      </c:pt>
                      <c:pt idx="1130">
                        <c:v>-1.291204E-15</c:v>
                      </c:pt>
                      <c:pt idx="1131">
                        <c:v>-2.5204810000000001E-15</c:v>
                      </c:pt>
                      <c:pt idx="1132">
                        <c:v>-1.666822E-15</c:v>
                      </c:pt>
                      <c:pt idx="1133">
                        <c:v>-6.3771039999999999E-16</c:v>
                      </c:pt>
                      <c:pt idx="1134">
                        <c:v>-9.4001949999999993E-16</c:v>
                      </c:pt>
                      <c:pt idx="1135">
                        <c:v>-2.0143080000000002E-15</c:v>
                      </c:pt>
                      <c:pt idx="1136">
                        <c:v>-2.8256560000000002E-15</c:v>
                      </c:pt>
                      <c:pt idx="1137">
                        <c:v>-2.9538249999999998E-15</c:v>
                      </c:pt>
                      <c:pt idx="1138">
                        <c:v>-1.9273390000000001E-15</c:v>
                      </c:pt>
                      <c:pt idx="1139">
                        <c:v>6.9301329999999999E-16</c:v>
                      </c:pt>
                      <c:pt idx="1140">
                        <c:v>3.9727489999999999E-15</c:v>
                      </c:pt>
                      <c:pt idx="1141">
                        <c:v>5.9923820000000002E-15</c:v>
                      </c:pt>
                      <c:pt idx="1142">
                        <c:v>6.4535429999999998E-15</c:v>
                      </c:pt>
                      <c:pt idx="1143">
                        <c:v>6.7626340000000001E-15</c:v>
                      </c:pt>
                      <c:pt idx="1144">
                        <c:v>7.0789229999999997E-15</c:v>
                      </c:pt>
                      <c:pt idx="1145">
                        <c:v>6.4402319999999998E-15</c:v>
                      </c:pt>
                      <c:pt idx="1146">
                        <c:v>5.9560710000000004E-15</c:v>
                      </c:pt>
                      <c:pt idx="1147">
                        <c:v>8.2986069999999999E-15</c:v>
                      </c:pt>
                      <c:pt idx="1148">
                        <c:v>1.312863E-14</c:v>
                      </c:pt>
                      <c:pt idx="1149">
                        <c:v>1.5748590000000001E-14</c:v>
                      </c:pt>
                      <c:pt idx="1150">
                        <c:v>1.296633E-14</c:v>
                      </c:pt>
                      <c:pt idx="1151">
                        <c:v>8.9798490000000003E-15</c:v>
                      </c:pt>
                      <c:pt idx="1152">
                        <c:v>1.152911E-14</c:v>
                      </c:pt>
                      <c:pt idx="1153">
                        <c:v>2.1822469999999999E-14</c:v>
                      </c:pt>
                      <c:pt idx="1154">
                        <c:v>3.1749980000000001E-14</c:v>
                      </c:pt>
                      <c:pt idx="1155">
                        <c:v>3.3212610000000001E-14</c:v>
                      </c:pt>
                      <c:pt idx="1156">
                        <c:v>2.7070169999999999E-14</c:v>
                      </c:pt>
                      <c:pt idx="1157">
                        <c:v>1.970805E-14</c:v>
                      </c:pt>
                      <c:pt idx="1158">
                        <c:v>1.4884889999999999E-14</c:v>
                      </c:pt>
                      <c:pt idx="1159">
                        <c:v>1.201982E-14</c:v>
                      </c:pt>
                      <c:pt idx="1160">
                        <c:v>9.2307769999999994E-15</c:v>
                      </c:pt>
                      <c:pt idx="1161">
                        <c:v>6.0715650000000003E-15</c:v>
                      </c:pt>
                      <c:pt idx="1162">
                        <c:v>3.015453E-15</c:v>
                      </c:pt>
                      <c:pt idx="1163">
                        <c:v>-5.1679209999999998E-16</c:v>
                      </c:pt>
                      <c:pt idx="1164">
                        <c:v>-4.9207500000000001E-15</c:v>
                      </c:pt>
                      <c:pt idx="1165">
                        <c:v>-8.6732859999999993E-15</c:v>
                      </c:pt>
                      <c:pt idx="1166">
                        <c:v>-1.000461E-14</c:v>
                      </c:pt>
                      <c:pt idx="1167">
                        <c:v>-8.8868710000000006E-15</c:v>
                      </c:pt>
                      <c:pt idx="1168">
                        <c:v>-6.8418470000000003E-15</c:v>
                      </c:pt>
                      <c:pt idx="1169">
                        <c:v>-5.338992E-15</c:v>
                      </c:pt>
                      <c:pt idx="1170">
                        <c:v>-4.8362709999999998E-15</c:v>
                      </c:pt>
                      <c:pt idx="1171">
                        <c:v>-5.3771349999999998E-15</c:v>
                      </c:pt>
                      <c:pt idx="1172">
                        <c:v>-6.202426E-15</c:v>
                      </c:pt>
                      <c:pt idx="1173">
                        <c:v>-5.0627520000000001E-15</c:v>
                      </c:pt>
                      <c:pt idx="1174">
                        <c:v>-3.9081139999999998E-16</c:v>
                      </c:pt>
                      <c:pt idx="1175">
                        <c:v>6.307737E-15</c:v>
                      </c:pt>
                      <c:pt idx="1176">
                        <c:v>1.20274E-14</c:v>
                      </c:pt>
                      <c:pt idx="1177">
                        <c:v>1.555954E-14</c:v>
                      </c:pt>
                      <c:pt idx="1178">
                        <c:v>1.6958370000000001E-14</c:v>
                      </c:pt>
                      <c:pt idx="1179">
                        <c:v>1.5090539999999999E-14</c:v>
                      </c:pt>
                      <c:pt idx="1180">
                        <c:v>9.25652E-15</c:v>
                      </c:pt>
                      <c:pt idx="1181">
                        <c:v>1.5746309999999999E-15</c:v>
                      </c:pt>
                      <c:pt idx="1182">
                        <c:v>-4.490955E-15</c:v>
                      </c:pt>
                      <c:pt idx="1183">
                        <c:v>-6.9744349999999999E-15</c:v>
                      </c:pt>
                      <c:pt idx="1184">
                        <c:v>-6.8424199999999997E-15</c:v>
                      </c:pt>
                      <c:pt idx="1185">
                        <c:v>-6.2655550000000001E-15</c:v>
                      </c:pt>
                      <c:pt idx="1186">
                        <c:v>-5.4487620000000002E-15</c:v>
                      </c:pt>
                      <c:pt idx="1187">
                        <c:v>-3.053487E-15</c:v>
                      </c:pt>
                      <c:pt idx="1188">
                        <c:v>7.4017589999999998E-16</c:v>
                      </c:pt>
                      <c:pt idx="1189">
                        <c:v>4.3688270000000002E-15</c:v>
                      </c:pt>
                      <c:pt idx="1190">
                        <c:v>7.2434669999999999E-15</c:v>
                      </c:pt>
                      <c:pt idx="1191">
                        <c:v>9.1601989999999994E-15</c:v>
                      </c:pt>
                      <c:pt idx="1192">
                        <c:v>8.9692010000000005E-15</c:v>
                      </c:pt>
                      <c:pt idx="1193">
                        <c:v>6.3223369999999999E-15</c:v>
                      </c:pt>
                      <c:pt idx="1194">
                        <c:v>3.1285349999999999E-15</c:v>
                      </c:pt>
                      <c:pt idx="1195">
                        <c:v>1.2839409999999999E-15</c:v>
                      </c:pt>
                      <c:pt idx="1196">
                        <c:v>3.9961980000000001E-16</c:v>
                      </c:pt>
                      <c:pt idx="1197">
                        <c:v>-5.6476149999999996E-16</c:v>
                      </c:pt>
                      <c:pt idx="1198">
                        <c:v>-1.391852E-15</c:v>
                      </c:pt>
                      <c:pt idx="1199">
                        <c:v>-1.8372780000000001E-15</c:v>
                      </c:pt>
                      <c:pt idx="1200">
                        <c:v>-2.488801E-15</c:v>
                      </c:pt>
                      <c:pt idx="1201">
                        <c:v>-3.2077650000000002E-15</c:v>
                      </c:pt>
                      <c:pt idx="1202">
                        <c:v>-2.680279E-15</c:v>
                      </c:pt>
                      <c:pt idx="1203">
                        <c:v>-5.120714E-16</c:v>
                      </c:pt>
                      <c:pt idx="1204">
                        <c:v>1.671476E-15</c:v>
                      </c:pt>
                      <c:pt idx="1205">
                        <c:v>2.4544349999999998E-15</c:v>
                      </c:pt>
                      <c:pt idx="1206">
                        <c:v>2.542433E-15</c:v>
                      </c:pt>
                      <c:pt idx="1207">
                        <c:v>2.9886779999999998E-15</c:v>
                      </c:pt>
                      <c:pt idx="1208">
                        <c:v>3.2951970000000001E-15</c:v>
                      </c:pt>
                      <c:pt idx="1209">
                        <c:v>2.816094E-15</c:v>
                      </c:pt>
                      <c:pt idx="1210">
                        <c:v>2.605922E-15</c:v>
                      </c:pt>
                      <c:pt idx="1211">
                        <c:v>3.8325799999999997E-15</c:v>
                      </c:pt>
                      <c:pt idx="1212">
                        <c:v>5.1729629999999998E-15</c:v>
                      </c:pt>
                      <c:pt idx="1213">
                        <c:v>4.5280840000000001E-15</c:v>
                      </c:pt>
                      <c:pt idx="1214">
                        <c:v>2.1919399999999999E-15</c:v>
                      </c:pt>
                      <c:pt idx="1215">
                        <c:v>2.305679E-16</c:v>
                      </c:pt>
                      <c:pt idx="1216">
                        <c:v>8.3895070000000003E-16</c:v>
                      </c:pt>
                      <c:pt idx="1217">
                        <c:v>6.3019340000000003E-15</c:v>
                      </c:pt>
                      <c:pt idx="1218">
                        <c:v>1.7394659999999999E-14</c:v>
                      </c:pt>
                      <c:pt idx="1219">
                        <c:v>2.9374559999999998E-14</c:v>
                      </c:pt>
                      <c:pt idx="1220">
                        <c:v>3.3359329999999997E-14</c:v>
                      </c:pt>
                      <c:pt idx="1221">
                        <c:v>2.611676E-14</c:v>
                      </c:pt>
                      <c:pt idx="1222">
                        <c:v>1.4477349999999999E-14</c:v>
                      </c:pt>
                      <c:pt idx="1223">
                        <c:v>6.8822209999999999E-15</c:v>
                      </c:pt>
                      <c:pt idx="1224">
                        <c:v>5.4750459999999996E-15</c:v>
                      </c:pt>
                      <c:pt idx="1225">
                        <c:v>7.9626409999999994E-15</c:v>
                      </c:pt>
                      <c:pt idx="1226">
                        <c:v>1.223036E-14</c:v>
                      </c:pt>
                      <c:pt idx="1227">
                        <c:v>1.7055170000000001E-14</c:v>
                      </c:pt>
                      <c:pt idx="1228">
                        <c:v>2.1285090000000001E-14</c:v>
                      </c:pt>
                      <c:pt idx="1229">
                        <c:v>2.40181E-14</c:v>
                      </c:pt>
                      <c:pt idx="1230">
                        <c:v>2.413957E-14</c:v>
                      </c:pt>
                      <c:pt idx="1231">
                        <c:v>2.0607890000000001E-14</c:v>
                      </c:pt>
                      <c:pt idx="1232">
                        <c:v>1.4767689999999999E-14</c:v>
                      </c:pt>
                      <c:pt idx="1233">
                        <c:v>9.7945159999999996E-15</c:v>
                      </c:pt>
                      <c:pt idx="1234">
                        <c:v>7.141779E-15</c:v>
                      </c:pt>
                      <c:pt idx="1235">
                        <c:v>6.1685229999999998E-15</c:v>
                      </c:pt>
                      <c:pt idx="1236">
                        <c:v>6.7759800000000001E-15</c:v>
                      </c:pt>
                      <c:pt idx="1237">
                        <c:v>9.8908819999999999E-15</c:v>
                      </c:pt>
                      <c:pt idx="1238">
                        <c:v>1.5643450000000001E-14</c:v>
                      </c:pt>
                      <c:pt idx="1239">
                        <c:v>2.216291E-14</c:v>
                      </c:pt>
                      <c:pt idx="1240">
                        <c:v>2.6104759999999999E-14</c:v>
                      </c:pt>
                      <c:pt idx="1241">
                        <c:v>2.5820429999999999E-14</c:v>
                      </c:pt>
                      <c:pt idx="1242">
                        <c:v>2.383099E-14</c:v>
                      </c:pt>
                      <c:pt idx="1243">
                        <c:v>2.325709E-14</c:v>
                      </c:pt>
                      <c:pt idx="1244">
                        <c:v>2.3183280000000001E-14</c:v>
                      </c:pt>
                      <c:pt idx="1245">
                        <c:v>2.0982180000000001E-14</c:v>
                      </c:pt>
                      <c:pt idx="1246">
                        <c:v>1.760129E-14</c:v>
                      </c:pt>
                      <c:pt idx="1247">
                        <c:v>1.6790319999999999E-14</c:v>
                      </c:pt>
                      <c:pt idx="1248">
                        <c:v>1.931581E-14</c:v>
                      </c:pt>
                      <c:pt idx="1249">
                        <c:v>2.2109129999999999E-14</c:v>
                      </c:pt>
                      <c:pt idx="1250">
                        <c:v>2.3284489999999999E-14</c:v>
                      </c:pt>
                      <c:pt idx="1251">
                        <c:v>2.3035829999999999E-14</c:v>
                      </c:pt>
                      <c:pt idx="1252">
                        <c:v>2.0511349999999999E-14</c:v>
                      </c:pt>
                      <c:pt idx="1253">
                        <c:v>1.494528E-14</c:v>
                      </c:pt>
                      <c:pt idx="1254">
                        <c:v>8.1088380000000006E-15</c:v>
                      </c:pt>
                      <c:pt idx="1255">
                        <c:v>2.657287E-15</c:v>
                      </c:pt>
                      <c:pt idx="1256">
                        <c:v>1.682753E-16</c:v>
                      </c:pt>
                      <c:pt idx="1257">
                        <c:v>8.4328159999999998E-16</c:v>
                      </c:pt>
                      <c:pt idx="1258">
                        <c:v>3.4788300000000002E-15</c:v>
                      </c:pt>
                      <c:pt idx="1259">
                        <c:v>6.9664020000000002E-15</c:v>
                      </c:pt>
                      <c:pt idx="1260">
                        <c:v>1.1951340000000001E-14</c:v>
                      </c:pt>
                      <c:pt idx="1261">
                        <c:v>1.7783380000000001E-14</c:v>
                      </c:pt>
                      <c:pt idx="1262">
                        <c:v>1.9385569999999999E-14</c:v>
                      </c:pt>
                      <c:pt idx="1263">
                        <c:v>1.329056E-14</c:v>
                      </c:pt>
                      <c:pt idx="1264">
                        <c:v>3.9557430000000001E-15</c:v>
                      </c:pt>
                      <c:pt idx="1265">
                        <c:v>-1.3051360000000001E-15</c:v>
                      </c:pt>
                      <c:pt idx="1266">
                        <c:v>3.7777099999999999E-16</c:v>
                      </c:pt>
                      <c:pt idx="1267">
                        <c:v>7.6342849999999998E-15</c:v>
                      </c:pt>
                      <c:pt idx="1268">
                        <c:v>1.8269919999999999E-14</c:v>
                      </c:pt>
                      <c:pt idx="1269">
                        <c:v>2.9988590000000002E-14</c:v>
                      </c:pt>
                      <c:pt idx="1270">
                        <c:v>3.958354E-14</c:v>
                      </c:pt>
                      <c:pt idx="1271">
                        <c:v>4.4917759999999999E-14</c:v>
                      </c:pt>
                      <c:pt idx="1272">
                        <c:v>4.726269E-14</c:v>
                      </c:pt>
                      <c:pt idx="1273">
                        <c:v>4.8689490000000002E-14</c:v>
                      </c:pt>
                      <c:pt idx="1274">
                        <c:v>4.8200919999999998E-14</c:v>
                      </c:pt>
                      <c:pt idx="1275">
                        <c:v>4.3760420000000001E-14</c:v>
                      </c:pt>
                      <c:pt idx="1276">
                        <c:v>3.8151950000000003E-14</c:v>
                      </c:pt>
                      <c:pt idx="1277">
                        <c:v>3.8440150000000003E-14</c:v>
                      </c:pt>
                      <c:pt idx="1278">
                        <c:v>4.7056519999999999E-14</c:v>
                      </c:pt>
                      <c:pt idx="1279">
                        <c:v>5.6545119999999998E-14</c:v>
                      </c:pt>
                      <c:pt idx="1280">
                        <c:v>5.7394440000000004E-14</c:v>
                      </c:pt>
                      <c:pt idx="1281">
                        <c:v>4.9572059999999999E-14</c:v>
                      </c:pt>
                      <c:pt idx="1282">
                        <c:v>4.1374040000000003E-14</c:v>
                      </c:pt>
                      <c:pt idx="1283">
                        <c:v>3.8929870000000002E-14</c:v>
                      </c:pt>
                      <c:pt idx="1284">
                        <c:v>4.1507819999999999E-14</c:v>
                      </c:pt>
                      <c:pt idx="1285">
                        <c:v>4.444311E-14</c:v>
                      </c:pt>
                      <c:pt idx="1286">
                        <c:v>4.3163650000000002E-14</c:v>
                      </c:pt>
                      <c:pt idx="1287">
                        <c:v>3.5772469999999999E-14</c:v>
                      </c:pt>
                      <c:pt idx="1288">
                        <c:v>2.4273879999999999E-14</c:v>
                      </c:pt>
                      <c:pt idx="1289">
                        <c:v>1.307226E-14</c:v>
                      </c:pt>
                      <c:pt idx="1290">
                        <c:v>4.9122850000000001E-15</c:v>
                      </c:pt>
                      <c:pt idx="1291">
                        <c:v>-2.8112280000000001E-16</c:v>
                      </c:pt>
                      <c:pt idx="1292">
                        <c:v>-3.1348340000000002E-15</c:v>
                      </c:pt>
                      <c:pt idx="1293">
                        <c:v>-3.9368970000000003E-15</c:v>
                      </c:pt>
                      <c:pt idx="1294">
                        <c:v>-3.0606029999999999E-15</c:v>
                      </c:pt>
                      <c:pt idx="1295">
                        <c:v>-1.415258E-15</c:v>
                      </c:pt>
                      <c:pt idx="1296">
                        <c:v>-8.2311879999999997E-16</c:v>
                      </c:pt>
                      <c:pt idx="1297">
                        <c:v>-2.7432449999999999E-15</c:v>
                      </c:pt>
                      <c:pt idx="1298">
                        <c:v>-6.1065960000000002E-15</c:v>
                      </c:pt>
                      <c:pt idx="1299">
                        <c:v>-7.7843449999999997E-15</c:v>
                      </c:pt>
                      <c:pt idx="1300">
                        <c:v>-5.7665409999999998E-15</c:v>
                      </c:pt>
                      <c:pt idx="1301">
                        <c:v>-1.4210859999999999E-15</c:v>
                      </c:pt>
                      <c:pt idx="1302">
                        <c:v>1.9380509999999998E-15</c:v>
                      </c:pt>
                      <c:pt idx="1303">
                        <c:v>2.4844069999999998E-15</c:v>
                      </c:pt>
                      <c:pt idx="1304">
                        <c:v>6.0557349999999996E-16</c:v>
                      </c:pt>
                      <c:pt idx="1305">
                        <c:v>-2.787452E-15</c:v>
                      </c:pt>
                      <c:pt idx="1306">
                        <c:v>-6.4628929999999998E-15</c:v>
                      </c:pt>
                      <c:pt idx="1307">
                        <c:v>-8.588359E-15</c:v>
                      </c:pt>
                      <c:pt idx="1308">
                        <c:v>-7.7561719999999996E-15</c:v>
                      </c:pt>
                      <c:pt idx="1309">
                        <c:v>-2.8207120000000001E-15</c:v>
                      </c:pt>
                      <c:pt idx="1310">
                        <c:v>7.2571549999999999E-15</c:v>
                      </c:pt>
                      <c:pt idx="1311">
                        <c:v>1.948543E-14</c:v>
                      </c:pt>
                      <c:pt idx="1312">
                        <c:v>2.546715E-14</c:v>
                      </c:pt>
                      <c:pt idx="1313">
                        <c:v>2.0356469999999999E-14</c:v>
                      </c:pt>
                      <c:pt idx="1314">
                        <c:v>1.0056720000000001E-14</c:v>
                      </c:pt>
                      <c:pt idx="1315">
                        <c:v>4.107113E-15</c:v>
                      </c:pt>
                      <c:pt idx="1316">
                        <c:v>5.4750049999999999E-15</c:v>
                      </c:pt>
                      <c:pt idx="1317">
                        <c:v>1.046526E-14</c:v>
                      </c:pt>
                      <c:pt idx="1318">
                        <c:v>1.4738130000000001E-14</c:v>
                      </c:pt>
                      <c:pt idx="1319">
                        <c:v>1.6537370000000002E-14</c:v>
                      </c:pt>
                      <c:pt idx="1320">
                        <c:v>1.5911600000000001E-14</c:v>
                      </c:pt>
                      <c:pt idx="1321">
                        <c:v>1.3870690000000001E-14</c:v>
                      </c:pt>
                      <c:pt idx="1322">
                        <c:v>1.183921E-14</c:v>
                      </c:pt>
                      <c:pt idx="1323">
                        <c:v>1.046042E-14</c:v>
                      </c:pt>
                      <c:pt idx="1324">
                        <c:v>9.8607019999999999E-15</c:v>
                      </c:pt>
                      <c:pt idx="1325">
                        <c:v>9.8364749999999994E-15</c:v>
                      </c:pt>
                      <c:pt idx="1326">
                        <c:v>9.0161000000000007E-15</c:v>
                      </c:pt>
                      <c:pt idx="1327">
                        <c:v>6.5934679999999998E-15</c:v>
                      </c:pt>
                      <c:pt idx="1328">
                        <c:v>4.1285380000000002E-15</c:v>
                      </c:pt>
                      <c:pt idx="1329">
                        <c:v>3.3714250000000001E-15</c:v>
                      </c:pt>
                      <c:pt idx="1330">
                        <c:v>3.8932979999999999E-15</c:v>
                      </c:pt>
                      <c:pt idx="1331">
                        <c:v>3.993561E-15</c:v>
                      </c:pt>
                      <c:pt idx="1332">
                        <c:v>2.5974540000000001E-15</c:v>
                      </c:pt>
                      <c:pt idx="1333">
                        <c:v>-4.2984850000000003E-18</c:v>
                      </c:pt>
                      <c:pt idx="1334">
                        <c:v>-2.1027320000000002E-15</c:v>
                      </c:pt>
                      <c:pt idx="1335">
                        <c:v>-1.6714550000000001E-15</c:v>
                      </c:pt>
                      <c:pt idx="1336">
                        <c:v>1.5278359999999999E-15</c:v>
                      </c:pt>
                      <c:pt idx="1337">
                        <c:v>5.528122E-15</c:v>
                      </c:pt>
                      <c:pt idx="1338">
                        <c:v>7.9427410000000008E-15</c:v>
                      </c:pt>
                      <c:pt idx="1339">
                        <c:v>7.8036159999999995E-15</c:v>
                      </c:pt>
                      <c:pt idx="1340">
                        <c:v>6.0134620000000001E-15</c:v>
                      </c:pt>
                      <c:pt idx="1341">
                        <c:v>4.5883030000000003E-15</c:v>
                      </c:pt>
                      <c:pt idx="1342">
                        <c:v>5.9615890000000001E-15</c:v>
                      </c:pt>
                      <c:pt idx="1343">
                        <c:v>1.208724E-14</c:v>
                      </c:pt>
                      <c:pt idx="1344">
                        <c:v>2.1827449999999999E-14</c:v>
                      </c:pt>
                      <c:pt idx="1345">
                        <c:v>2.9446069999999998E-14</c:v>
                      </c:pt>
                      <c:pt idx="1346">
                        <c:v>2.9652370000000001E-14</c:v>
                      </c:pt>
                      <c:pt idx="1347">
                        <c:v>2.4117100000000001E-14</c:v>
                      </c:pt>
                      <c:pt idx="1348">
                        <c:v>1.8456690000000001E-14</c:v>
                      </c:pt>
                      <c:pt idx="1349">
                        <c:v>1.4696589999999998E-14</c:v>
                      </c:pt>
                      <c:pt idx="1350">
                        <c:v>1.140944E-14</c:v>
                      </c:pt>
                      <c:pt idx="1351">
                        <c:v>7.5147680000000008E-15</c:v>
                      </c:pt>
                      <c:pt idx="1352">
                        <c:v>2.9449620000000001E-15</c:v>
                      </c:pt>
                      <c:pt idx="1353">
                        <c:v>-8.4571690000000003E-16</c:v>
                      </c:pt>
                      <c:pt idx="1354">
                        <c:v>-1.6197920000000001E-15</c:v>
                      </c:pt>
                      <c:pt idx="1355">
                        <c:v>7.1533419999999996E-16</c:v>
                      </c:pt>
                      <c:pt idx="1356">
                        <c:v>4.178883E-15</c:v>
                      </c:pt>
                      <c:pt idx="1357">
                        <c:v>7.1616250000000005E-15</c:v>
                      </c:pt>
                      <c:pt idx="1358">
                        <c:v>9.1724450000000003E-15</c:v>
                      </c:pt>
                      <c:pt idx="1359">
                        <c:v>1.05772E-14</c:v>
                      </c:pt>
                      <c:pt idx="1360">
                        <c:v>1.19505E-14</c:v>
                      </c:pt>
                      <c:pt idx="1361">
                        <c:v>1.340505E-14</c:v>
                      </c:pt>
                      <c:pt idx="1362">
                        <c:v>1.4643589999999999E-14</c:v>
                      </c:pt>
                      <c:pt idx="1363">
                        <c:v>1.4468869999999999E-14</c:v>
                      </c:pt>
                      <c:pt idx="1364">
                        <c:v>1.171706E-14</c:v>
                      </c:pt>
                      <c:pt idx="1365">
                        <c:v>8.1658260000000003E-15</c:v>
                      </c:pt>
                      <c:pt idx="1366">
                        <c:v>7.03458E-15</c:v>
                      </c:pt>
                      <c:pt idx="1367">
                        <c:v>8.2554970000000007E-15</c:v>
                      </c:pt>
                      <c:pt idx="1368">
                        <c:v>9.3216589999999995E-15</c:v>
                      </c:pt>
                      <c:pt idx="1369">
                        <c:v>9.6929679999999998E-15</c:v>
                      </c:pt>
                      <c:pt idx="1370">
                        <c:v>1.0365E-14</c:v>
                      </c:pt>
                      <c:pt idx="1371">
                        <c:v>1.0442560000000001E-14</c:v>
                      </c:pt>
                      <c:pt idx="1372">
                        <c:v>8.4833310000000003E-15</c:v>
                      </c:pt>
                      <c:pt idx="1373">
                        <c:v>5.9071369999999997E-15</c:v>
                      </c:pt>
                      <c:pt idx="1374">
                        <c:v>4.8143660000000001E-15</c:v>
                      </c:pt>
                      <c:pt idx="1375">
                        <c:v>4.6845400000000002E-15</c:v>
                      </c:pt>
                      <c:pt idx="1376">
                        <c:v>4.4573610000000001E-15</c:v>
                      </c:pt>
                      <c:pt idx="1377">
                        <c:v>5.0274840000000003E-15</c:v>
                      </c:pt>
                      <c:pt idx="1378">
                        <c:v>7.04273E-15</c:v>
                      </c:pt>
                      <c:pt idx="1379">
                        <c:v>8.8381230000000004E-15</c:v>
                      </c:pt>
                      <c:pt idx="1380">
                        <c:v>8.720857E-15</c:v>
                      </c:pt>
                      <c:pt idx="1381">
                        <c:v>7.2140259999999993E-15</c:v>
                      </c:pt>
                      <c:pt idx="1382">
                        <c:v>5.7793240000000003E-15</c:v>
                      </c:pt>
                      <c:pt idx="1383">
                        <c:v>4.7817119999999998E-15</c:v>
                      </c:pt>
                      <c:pt idx="1384">
                        <c:v>3.8321239999999997E-15</c:v>
                      </c:pt>
                      <c:pt idx="1385">
                        <c:v>3.3889560000000001E-15</c:v>
                      </c:pt>
                      <c:pt idx="1386">
                        <c:v>5.0521620000000001E-15</c:v>
                      </c:pt>
                      <c:pt idx="1387">
                        <c:v>9.3582549999999993E-15</c:v>
                      </c:pt>
                      <c:pt idx="1388">
                        <c:v>1.3173E-14</c:v>
                      </c:pt>
                      <c:pt idx="1389">
                        <c:v>1.23243E-14</c:v>
                      </c:pt>
                      <c:pt idx="1390">
                        <c:v>7.0668289999999999E-15</c:v>
                      </c:pt>
                      <c:pt idx="1391">
                        <c:v>1.9004400000000002E-15</c:v>
                      </c:pt>
                      <c:pt idx="1392">
                        <c:v>1.361699E-15</c:v>
                      </c:pt>
                      <c:pt idx="1393">
                        <c:v>8.5111299999999999E-15</c:v>
                      </c:pt>
                      <c:pt idx="1394">
                        <c:v>2.829476E-14</c:v>
                      </c:pt>
                      <c:pt idx="1395">
                        <c:v>7.3679870000000006E-14</c:v>
                      </c:pt>
                      <c:pt idx="1396">
                        <c:v>1.6730439999999999E-13</c:v>
                      </c:pt>
                      <c:pt idx="1397">
                        <c:v>3.3343429999999998E-13</c:v>
                      </c:pt>
                      <c:pt idx="1398">
                        <c:v>5.8154850000000002E-13</c:v>
                      </c:pt>
                      <c:pt idx="1399">
                        <c:v>8.8773499999999995E-13</c:v>
                      </c:pt>
                      <c:pt idx="1400">
                        <c:v>1.1990060000000001E-12</c:v>
                      </c:pt>
                      <c:pt idx="1401">
                        <c:v>1.474799E-12</c:v>
                      </c:pt>
                      <c:pt idx="1402">
                        <c:v>1.7134989999999999E-12</c:v>
                      </c:pt>
                      <c:pt idx="1403">
                        <c:v>1.9223529999999999E-12</c:v>
                      </c:pt>
                      <c:pt idx="1404">
                        <c:v>2.087823E-12</c:v>
                      </c:pt>
                      <c:pt idx="1405">
                        <c:v>2.1881010000000001E-12</c:v>
                      </c:pt>
                      <c:pt idx="1406">
                        <c:v>2.2135440000000002E-12</c:v>
                      </c:pt>
                      <c:pt idx="1407">
                        <c:v>2.181342E-12</c:v>
                      </c:pt>
                      <c:pt idx="1408">
                        <c:v>2.1283490000000001E-12</c:v>
                      </c:pt>
                      <c:pt idx="1409">
                        <c:v>2.0694639999999998E-12</c:v>
                      </c:pt>
                      <c:pt idx="1410">
                        <c:v>1.9904170000000002E-12</c:v>
                      </c:pt>
                      <c:pt idx="1411">
                        <c:v>1.8946989999999998E-12</c:v>
                      </c:pt>
                      <c:pt idx="1412">
                        <c:v>1.8098470000000001E-12</c:v>
                      </c:pt>
                      <c:pt idx="1413">
                        <c:v>1.740354E-12</c:v>
                      </c:pt>
                      <c:pt idx="1414">
                        <c:v>1.657992E-12</c:v>
                      </c:pt>
                      <c:pt idx="1415">
                        <c:v>1.5369410000000001E-12</c:v>
                      </c:pt>
                      <c:pt idx="1416">
                        <c:v>1.3619129999999999E-12</c:v>
                      </c:pt>
                      <c:pt idx="1417">
                        <c:v>1.1190680000000001E-12</c:v>
                      </c:pt>
                      <c:pt idx="1418">
                        <c:v>8.244467E-13</c:v>
                      </c:pt>
                      <c:pt idx="1419">
                        <c:v>5.4318840000000002E-13</c:v>
                      </c:pt>
                      <c:pt idx="1420">
                        <c:v>3.4454570000000002E-13</c:v>
                      </c:pt>
                      <c:pt idx="1421">
                        <c:v>2.4899639999999999E-13</c:v>
                      </c:pt>
                      <c:pt idx="1422">
                        <c:v>2.266218E-13</c:v>
                      </c:pt>
                      <c:pt idx="1423">
                        <c:v>2.2977520000000001E-13</c:v>
                      </c:pt>
                      <c:pt idx="1424">
                        <c:v>2.256646E-13</c:v>
                      </c:pt>
                      <c:pt idx="1425">
                        <c:v>2.1104579999999999E-13</c:v>
                      </c:pt>
                      <c:pt idx="1426">
                        <c:v>2.008064E-13</c:v>
                      </c:pt>
                      <c:pt idx="1427">
                        <c:v>2.008779E-13</c:v>
                      </c:pt>
                      <c:pt idx="1428">
                        <c:v>1.9863320000000001E-13</c:v>
                      </c:pt>
                      <c:pt idx="1429">
                        <c:v>1.8142680000000001E-13</c:v>
                      </c:pt>
                      <c:pt idx="1430">
                        <c:v>1.5216469999999999E-13</c:v>
                      </c:pt>
                      <c:pt idx="1431">
                        <c:v>1.2229189999999999E-13</c:v>
                      </c:pt>
                      <c:pt idx="1432">
                        <c:v>9.7262099999999995E-14</c:v>
                      </c:pt>
                      <c:pt idx="1433">
                        <c:v>7.3601150000000004E-14</c:v>
                      </c:pt>
                      <c:pt idx="1434">
                        <c:v>4.8549509999999999E-14</c:v>
                      </c:pt>
                      <c:pt idx="1435">
                        <c:v>2.6336040000000001E-14</c:v>
                      </c:pt>
                      <c:pt idx="1436">
                        <c:v>1.255251E-14</c:v>
                      </c:pt>
                      <c:pt idx="1437">
                        <c:v>8.1800050000000003E-15</c:v>
                      </c:pt>
                      <c:pt idx="1438">
                        <c:v>1.03976E-14</c:v>
                      </c:pt>
                      <c:pt idx="1439">
                        <c:v>1.4601160000000002E-14</c:v>
                      </c:pt>
                      <c:pt idx="1440">
                        <c:v>1.6002510000000001E-14</c:v>
                      </c:pt>
                      <c:pt idx="1441">
                        <c:v>1.30967E-14</c:v>
                      </c:pt>
                      <c:pt idx="1442">
                        <c:v>9.5331690000000004E-15</c:v>
                      </c:pt>
                      <c:pt idx="1443">
                        <c:v>1.068678E-14</c:v>
                      </c:pt>
                      <c:pt idx="1444">
                        <c:v>1.8027989999999999E-14</c:v>
                      </c:pt>
                      <c:pt idx="1445">
                        <c:v>2.6402249999999999E-14</c:v>
                      </c:pt>
                      <c:pt idx="1446">
                        <c:v>2.869811E-14</c:v>
                      </c:pt>
                      <c:pt idx="1447">
                        <c:v>2.3309129999999999E-14</c:v>
                      </c:pt>
                      <c:pt idx="1448">
                        <c:v>1.4084650000000001E-14</c:v>
                      </c:pt>
                      <c:pt idx="1449">
                        <c:v>5.0562400000000003E-15</c:v>
                      </c:pt>
                      <c:pt idx="1450">
                        <c:v>-1.991242E-15</c:v>
                      </c:pt>
                      <c:pt idx="1451">
                        <c:v>-6.418288E-15</c:v>
                      </c:pt>
                      <c:pt idx="1452">
                        <c:v>-7.7446960000000005E-15</c:v>
                      </c:pt>
                      <c:pt idx="1453">
                        <c:v>-6.3858169999999998E-15</c:v>
                      </c:pt>
                      <c:pt idx="1454">
                        <c:v>-4.0298730000000004E-15</c:v>
                      </c:pt>
                      <c:pt idx="1455">
                        <c:v>-2.4838010000000001E-15</c:v>
                      </c:pt>
                      <c:pt idx="1456">
                        <c:v>-2.0134450000000001E-15</c:v>
                      </c:pt>
                      <c:pt idx="1457">
                        <c:v>-8.8617639999999999E-16</c:v>
                      </c:pt>
                      <c:pt idx="1458">
                        <c:v>2.512838E-15</c:v>
                      </c:pt>
                      <c:pt idx="1459">
                        <c:v>6.9087569999999996E-15</c:v>
                      </c:pt>
                      <c:pt idx="1460">
                        <c:v>9.0575469999999996E-15</c:v>
                      </c:pt>
                      <c:pt idx="1461">
                        <c:v>7.8258989999999998E-15</c:v>
                      </c:pt>
                      <c:pt idx="1462">
                        <c:v>5.419464E-15</c:v>
                      </c:pt>
                      <c:pt idx="1463">
                        <c:v>4.694049E-15</c:v>
                      </c:pt>
                      <c:pt idx="1464">
                        <c:v>6.9038399999999998E-15</c:v>
                      </c:pt>
                      <c:pt idx="1465">
                        <c:v>1.099401E-14</c:v>
                      </c:pt>
                      <c:pt idx="1466">
                        <c:v>1.4027249999999999E-14</c:v>
                      </c:pt>
                      <c:pt idx="1467">
                        <c:v>1.396089E-14</c:v>
                      </c:pt>
                      <c:pt idx="1468">
                        <c:v>1.170241E-14</c:v>
                      </c:pt>
                      <c:pt idx="1469">
                        <c:v>8.8168489999999999E-15</c:v>
                      </c:pt>
                      <c:pt idx="1470">
                        <c:v>5.8039350000000003E-15</c:v>
                      </c:pt>
                      <c:pt idx="1471">
                        <c:v>3.7470649999999997E-15</c:v>
                      </c:pt>
                      <c:pt idx="1472">
                        <c:v>4.0297080000000001E-15</c:v>
                      </c:pt>
                      <c:pt idx="1473">
                        <c:v>6.1481039999999999E-15</c:v>
                      </c:pt>
                      <c:pt idx="1474">
                        <c:v>8.3570550000000003E-15</c:v>
                      </c:pt>
                      <c:pt idx="1475">
                        <c:v>9.1110819999999994E-15</c:v>
                      </c:pt>
                      <c:pt idx="1476">
                        <c:v>7.1991320000000003E-15</c:v>
                      </c:pt>
                      <c:pt idx="1477">
                        <c:v>3.1772729999999999E-15</c:v>
                      </c:pt>
                      <c:pt idx="1478">
                        <c:v>-3.8306859999999999E-16</c:v>
                      </c:pt>
                      <c:pt idx="1479">
                        <c:v>-2.0980589999999998E-15</c:v>
                      </c:pt>
                      <c:pt idx="1480">
                        <c:v>-2.6888950000000001E-15</c:v>
                      </c:pt>
                      <c:pt idx="1481">
                        <c:v>-2.277178E-15</c:v>
                      </c:pt>
                      <c:pt idx="1482">
                        <c:v>-2.1523359999999999E-16</c:v>
                      </c:pt>
                      <c:pt idx="1483">
                        <c:v>2.5765109999999999E-15</c:v>
                      </c:pt>
                      <c:pt idx="1484">
                        <c:v>4.311745E-15</c:v>
                      </c:pt>
                      <c:pt idx="1485">
                        <c:v>5.0491770000000003E-15</c:v>
                      </c:pt>
                      <c:pt idx="1486">
                        <c:v>6.7439940000000002E-15</c:v>
                      </c:pt>
                      <c:pt idx="1487">
                        <c:v>1.048147E-14</c:v>
                      </c:pt>
                      <c:pt idx="1488">
                        <c:v>1.398713E-14</c:v>
                      </c:pt>
                      <c:pt idx="1489">
                        <c:v>1.330429E-14</c:v>
                      </c:pt>
                      <c:pt idx="1490">
                        <c:v>7.9818860000000007E-15</c:v>
                      </c:pt>
                      <c:pt idx="1491">
                        <c:v>2.2823289999999999E-15</c:v>
                      </c:pt>
                      <c:pt idx="1492">
                        <c:v>1.5533200000000001E-16</c:v>
                      </c:pt>
                      <c:pt idx="1493">
                        <c:v>1.8528610000000001E-15</c:v>
                      </c:pt>
                      <c:pt idx="1494">
                        <c:v>6.0511809999999997E-15</c:v>
                      </c:pt>
                      <c:pt idx="1495">
                        <c:v>1.100337E-14</c:v>
                      </c:pt>
                      <c:pt idx="1496">
                        <c:v>1.3094260000000001E-14</c:v>
                      </c:pt>
                      <c:pt idx="1497">
                        <c:v>9.956342E-15</c:v>
                      </c:pt>
                      <c:pt idx="1498">
                        <c:v>4.6540549999999999E-15</c:v>
                      </c:pt>
                      <c:pt idx="1499">
                        <c:v>1.973795E-15</c:v>
                      </c:pt>
                      <c:pt idx="1500">
                        <c:v>3.0363500000000001E-15</c:v>
                      </c:pt>
                      <c:pt idx="1501">
                        <c:v>6.065384E-15</c:v>
                      </c:pt>
                      <c:pt idx="1502">
                        <c:v>9.0539019999999995E-15</c:v>
                      </c:pt>
                      <c:pt idx="1503">
                        <c:v>1.0988590000000001E-14</c:v>
                      </c:pt>
                      <c:pt idx="1504">
                        <c:v>1.198091E-14</c:v>
                      </c:pt>
                      <c:pt idx="1505">
                        <c:v>1.166484E-14</c:v>
                      </c:pt>
                      <c:pt idx="1506">
                        <c:v>9.0101690000000004E-15</c:v>
                      </c:pt>
                      <c:pt idx="1507">
                        <c:v>4.7999290000000001E-15</c:v>
                      </c:pt>
                      <c:pt idx="1508">
                        <c:v>1.332702E-15</c:v>
                      </c:pt>
                      <c:pt idx="1509">
                        <c:v>-9.5062839999999992E-16</c:v>
                      </c:pt>
                      <c:pt idx="1510">
                        <c:v>-3.5254590000000001E-15</c:v>
                      </c:pt>
                      <c:pt idx="1511">
                        <c:v>-6.4594719999999997E-15</c:v>
                      </c:pt>
                      <c:pt idx="1512">
                        <c:v>-7.6029919999999998E-15</c:v>
                      </c:pt>
                      <c:pt idx="1513">
                        <c:v>-5.512077E-15</c:v>
                      </c:pt>
                      <c:pt idx="1514">
                        <c:v>-1.7972150000000002E-15</c:v>
                      </c:pt>
                      <c:pt idx="1515">
                        <c:v>4.6328380000000001E-16</c:v>
                      </c:pt>
                      <c:pt idx="1516">
                        <c:v>1.241521E-16</c:v>
                      </c:pt>
                      <c:pt idx="1517">
                        <c:v>-1.4533290000000001E-15</c:v>
                      </c:pt>
                      <c:pt idx="1518">
                        <c:v>-2.7981219999999998E-15</c:v>
                      </c:pt>
                      <c:pt idx="1519">
                        <c:v>-3.692044E-15</c:v>
                      </c:pt>
                      <c:pt idx="1520">
                        <c:v>-4.4612860000000003E-15</c:v>
                      </c:pt>
                      <c:pt idx="1521">
                        <c:v>-5.4193530000000002E-15</c:v>
                      </c:pt>
                      <c:pt idx="1522">
                        <c:v>-6.5020289999999999E-15</c:v>
                      </c:pt>
                      <c:pt idx="1523">
                        <c:v>-6.6427140000000003E-15</c:v>
                      </c:pt>
                      <c:pt idx="1524">
                        <c:v>-4.4622770000000002E-15</c:v>
                      </c:pt>
                      <c:pt idx="1525">
                        <c:v>-2.5422619999999999E-16</c:v>
                      </c:pt>
                      <c:pt idx="1526">
                        <c:v>3.7545020000000002E-15</c:v>
                      </c:pt>
                      <c:pt idx="1527">
                        <c:v>5.3070980000000002E-15</c:v>
                      </c:pt>
                      <c:pt idx="1528">
                        <c:v>3.5906150000000001E-15</c:v>
                      </c:pt>
                      <c:pt idx="1529">
                        <c:v>-4.201194E-17</c:v>
                      </c:pt>
                      <c:pt idx="1530">
                        <c:v>-2.7647200000000001E-15</c:v>
                      </c:pt>
                      <c:pt idx="1531">
                        <c:v>-2.9557459999999999E-15</c:v>
                      </c:pt>
                      <c:pt idx="1532">
                        <c:v>-1.8714249999999998E-15</c:v>
                      </c:pt>
                      <c:pt idx="1533">
                        <c:v>-1.9638929999999999E-15</c:v>
                      </c:pt>
                      <c:pt idx="1534">
                        <c:v>-3.2847859999999998E-15</c:v>
                      </c:pt>
                      <c:pt idx="1535">
                        <c:v>-2.982843E-15</c:v>
                      </c:pt>
                      <c:pt idx="1536">
                        <c:v>4.3344169999999999E-16</c:v>
                      </c:pt>
                      <c:pt idx="1537">
                        <c:v>4.794426E-15</c:v>
                      </c:pt>
                      <c:pt idx="1538">
                        <c:v>7.5772919999999994E-15</c:v>
                      </c:pt>
                      <c:pt idx="1539">
                        <c:v>8.6476470000000006E-15</c:v>
                      </c:pt>
                      <c:pt idx="1540">
                        <c:v>8.8154059999999993E-15</c:v>
                      </c:pt>
                      <c:pt idx="1541">
                        <c:v>8.5306420000000005E-15</c:v>
                      </c:pt>
                      <c:pt idx="1542">
                        <c:v>8.2000499999999996E-15</c:v>
                      </c:pt>
                      <c:pt idx="1543">
                        <c:v>7.5439479999999994E-15</c:v>
                      </c:pt>
                      <c:pt idx="1544">
                        <c:v>5.7883420000000001E-15</c:v>
                      </c:pt>
                      <c:pt idx="1545">
                        <c:v>3.7365770000000002E-15</c:v>
                      </c:pt>
                      <c:pt idx="1546">
                        <c:v>3.0241899999999999E-15</c:v>
                      </c:pt>
                      <c:pt idx="1547">
                        <c:v>3.185442E-15</c:v>
                      </c:pt>
                      <c:pt idx="1548">
                        <c:v>2.328335E-15</c:v>
                      </c:pt>
                      <c:pt idx="1549">
                        <c:v>-6.3909339999999995E-17</c:v>
                      </c:pt>
                      <c:pt idx="1550">
                        <c:v>-2.89622E-15</c:v>
                      </c:pt>
                      <c:pt idx="1551">
                        <c:v>-5.1175960000000001E-15</c:v>
                      </c:pt>
                      <c:pt idx="1552">
                        <c:v>-6.6684290000000003E-15</c:v>
                      </c:pt>
                      <c:pt idx="1553">
                        <c:v>-7.3101749999999993E-15</c:v>
                      </c:pt>
                      <c:pt idx="1554">
                        <c:v>-5.5755080000000001E-15</c:v>
                      </c:pt>
                      <c:pt idx="1555">
                        <c:v>-1.2292190000000001E-15</c:v>
                      </c:pt>
                      <c:pt idx="1556">
                        <c:v>2.699869E-15</c:v>
                      </c:pt>
                      <c:pt idx="1557">
                        <c:v>2.8545660000000001E-15</c:v>
                      </c:pt>
                      <c:pt idx="1558">
                        <c:v>-3.4586839999999998E-16</c:v>
                      </c:pt>
                      <c:pt idx="1559">
                        <c:v>-3.3703430000000001E-15</c:v>
                      </c:pt>
                      <c:pt idx="1560">
                        <c:v>-4.2710430000000003E-15</c:v>
                      </c:pt>
                      <c:pt idx="1561">
                        <c:v>-4.243178E-15</c:v>
                      </c:pt>
                      <c:pt idx="1562">
                        <c:v>-4.3411400000000002E-15</c:v>
                      </c:pt>
                      <c:pt idx="1563">
                        <c:v>-4.1449669999999997E-15</c:v>
                      </c:pt>
                      <c:pt idx="1564">
                        <c:v>-3.7657800000000002E-15</c:v>
                      </c:pt>
                      <c:pt idx="1565">
                        <c:v>-3.9309690000000002E-15</c:v>
                      </c:pt>
                      <c:pt idx="1566">
                        <c:v>-4.278038E-15</c:v>
                      </c:pt>
                      <c:pt idx="1567">
                        <c:v>-3.7456E-15</c:v>
                      </c:pt>
                      <c:pt idx="1568">
                        <c:v>-2.6571790000000001E-15</c:v>
                      </c:pt>
                      <c:pt idx="1569">
                        <c:v>-2.700925E-15</c:v>
                      </c:pt>
                      <c:pt idx="1570">
                        <c:v>-4.0267519999999998E-15</c:v>
                      </c:pt>
                      <c:pt idx="1571">
                        <c:v>-4.550645E-15</c:v>
                      </c:pt>
                      <c:pt idx="1572">
                        <c:v>-3.0977070000000001E-15</c:v>
                      </c:pt>
                      <c:pt idx="1573">
                        <c:v>-6.7693299999999999E-16</c:v>
                      </c:pt>
                      <c:pt idx="1574">
                        <c:v>1.4534349999999999E-15</c:v>
                      </c:pt>
                      <c:pt idx="1575">
                        <c:v>2.866528E-15</c:v>
                      </c:pt>
                      <c:pt idx="1576">
                        <c:v>3.350101E-15</c:v>
                      </c:pt>
                      <c:pt idx="1577">
                        <c:v>2.7315360000000001E-15</c:v>
                      </c:pt>
                      <c:pt idx="1578">
                        <c:v>1.383735E-15</c:v>
                      </c:pt>
                      <c:pt idx="1579">
                        <c:v>7.8385159999999999E-17</c:v>
                      </c:pt>
                      <c:pt idx="1580">
                        <c:v>-2.4196989999999998E-16</c:v>
                      </c:pt>
                      <c:pt idx="1581">
                        <c:v>1.2643140000000001E-15</c:v>
                      </c:pt>
                      <c:pt idx="1582">
                        <c:v>4.1002099999999996E-15</c:v>
                      </c:pt>
                      <c:pt idx="1583">
                        <c:v>6.4057449999999997E-15</c:v>
                      </c:pt>
                      <c:pt idx="1584">
                        <c:v>7.2663909999999999E-15</c:v>
                      </c:pt>
                      <c:pt idx="1585">
                        <c:v>7.6466390000000001E-15</c:v>
                      </c:pt>
                      <c:pt idx="1586">
                        <c:v>8.1581449999999996E-15</c:v>
                      </c:pt>
                      <c:pt idx="1587">
                        <c:v>7.6458609999999998E-15</c:v>
                      </c:pt>
                      <c:pt idx="1588">
                        <c:v>5.6848689999999998E-15</c:v>
                      </c:pt>
                      <c:pt idx="1589">
                        <c:v>4.7868500000000001E-15</c:v>
                      </c:pt>
                      <c:pt idx="1590">
                        <c:v>7.1030209999999998E-15</c:v>
                      </c:pt>
                      <c:pt idx="1591">
                        <c:v>1.0255219999999999E-14</c:v>
                      </c:pt>
                      <c:pt idx="1592">
                        <c:v>1.0071600000000001E-14</c:v>
                      </c:pt>
                      <c:pt idx="1593">
                        <c:v>5.9477889999999997E-15</c:v>
                      </c:pt>
                      <c:pt idx="1594">
                        <c:v>7.0168279999999998E-16</c:v>
                      </c:pt>
                      <c:pt idx="1595">
                        <c:v>-3.0708790000000001E-15</c:v>
                      </c:pt>
                      <c:pt idx="1596">
                        <c:v>-4.7921539999999997E-15</c:v>
                      </c:pt>
                      <c:pt idx="1597">
                        <c:v>-4.7396879999999999E-15</c:v>
                      </c:pt>
                      <c:pt idx="1598">
                        <c:v>-2.4735760000000002E-15</c:v>
                      </c:pt>
                      <c:pt idx="1599">
                        <c:v>2.5480029999999998E-15</c:v>
                      </c:pt>
                    </c:numCache>
                  </c:numRef>
                </c:yVal>
                <c:smooth val="1"/>
                <c:extLst>
                  <c:ext xmlns:c16="http://schemas.microsoft.com/office/drawing/2014/chart" uri="{C3380CC4-5D6E-409C-BE32-E72D297353CC}">
                    <c16:uniqueId val="{00000001-1498-48DF-86D2-F012F68E48E4}"/>
                  </c:ext>
                </c:extLst>
              </c15:ser>
            </c15:filteredScatterSeries>
          </c:ext>
        </c:extLst>
      </c:scatterChart>
      <c:valAx>
        <c:axId val="1040071936"/>
        <c:scaling>
          <c:orientation val="minMax"/>
          <c:max val="50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fr-FR"/>
                  <a:t>Mass (amu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fr-FR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1038443968"/>
        <c:crossesAt val="1.0000000000000007E-13"/>
        <c:crossBetween val="midCat"/>
        <c:majorUnit val="2"/>
      </c:valAx>
      <c:valAx>
        <c:axId val="1038443968"/>
        <c:scaling>
          <c:logBase val="10"/>
          <c:orientation val="minMax"/>
          <c:max val="1.0000000000000006E-10"/>
          <c:min val="1.0000000000000007E-13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urrent (A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fr-FR"/>
            </a:p>
          </c:txPr>
        </c:title>
        <c:numFmt formatCode="0.00E+00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1040071936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  <c:userShapes r:id="rId4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45789</cdr:x>
      <cdr:y>0.40239</cdr:y>
    </cdr:from>
    <cdr:to>
      <cdr:x>0.54211</cdr:x>
      <cdr:y>0.59761</cdr:y>
    </cdr:to>
    <cdr:sp macro="" textlink="">
      <cdr:nvSpPr>
        <cdr:cNvPr id="2" name="ZoneTexte 1">
          <a:extLst xmlns:a="http://schemas.openxmlformats.org/drawingml/2006/main">
            <a:ext uri="{FF2B5EF4-FFF2-40B4-BE49-F238E27FC236}">
              <a16:creationId xmlns:a16="http://schemas.microsoft.com/office/drawing/2014/main" id="{A7A91729-8BE1-4D1C-9DDD-9C227E2C149E}"/>
            </a:ext>
          </a:extLst>
        </cdr:cNvPr>
        <cdr:cNvSpPr txBox="1"/>
      </cdr:nvSpPr>
      <cdr:spPr>
        <a:xfrm xmlns:a="http://schemas.openxmlformats.org/drawingml/2006/main">
          <a:off x="4972050" y="1884829"/>
          <a:ext cx="914400" cy="91440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endParaRPr lang="fr-FR" sz="1100"/>
        </a:p>
      </cdr:txBody>
    </cdr:sp>
  </cdr:relSizeAnchor>
  <cdr:relSizeAnchor xmlns:cdr="http://schemas.openxmlformats.org/drawingml/2006/chartDrawing">
    <cdr:from>
      <cdr:x>0.80039</cdr:x>
      <cdr:y>0.16681</cdr:y>
    </cdr:from>
    <cdr:to>
      <cdr:x>0.8631</cdr:x>
      <cdr:y>0.65941</cdr:y>
    </cdr:to>
    <cdr:sp macro="" textlink="">
      <cdr:nvSpPr>
        <cdr:cNvPr id="3" name="ZoneTexte 2">
          <a:extLst xmlns:a="http://schemas.openxmlformats.org/drawingml/2006/main">
            <a:ext uri="{FF2B5EF4-FFF2-40B4-BE49-F238E27FC236}">
              <a16:creationId xmlns:a16="http://schemas.microsoft.com/office/drawing/2014/main" id="{32D8D29B-E5BD-449E-869C-0D80DBF96843}"/>
            </a:ext>
          </a:extLst>
        </cdr:cNvPr>
        <cdr:cNvSpPr txBox="1"/>
      </cdr:nvSpPr>
      <cdr:spPr>
        <a:xfrm xmlns:a="http://schemas.openxmlformats.org/drawingml/2006/main" rot="16200000">
          <a:off x="4606567" y="1002337"/>
          <a:ext cx="1434497" cy="40137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fr-FR" sz="1400">
              <a:solidFill>
                <a:srgbClr val="FF0000"/>
              </a:solidFill>
            </a:rPr>
            <a:t>SRF Cavity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39665</cdr:x>
      <cdr:y>0.13113</cdr:y>
    </cdr:from>
    <cdr:to>
      <cdr:x>0.78073</cdr:x>
      <cdr:y>0.19954</cdr:y>
    </cdr:to>
    <cdr:sp macro="" textlink="">
      <cdr:nvSpPr>
        <cdr:cNvPr id="2" name="ZoneTexte 1">
          <a:extLst xmlns:a="http://schemas.openxmlformats.org/drawingml/2006/main">
            <a:ext uri="{FF2B5EF4-FFF2-40B4-BE49-F238E27FC236}">
              <a16:creationId xmlns:a16="http://schemas.microsoft.com/office/drawing/2014/main" id="{E1CF6AB6-A309-49F9-B6E9-CBAB1391FDE2}"/>
            </a:ext>
          </a:extLst>
        </cdr:cNvPr>
        <cdr:cNvSpPr txBox="1"/>
      </cdr:nvSpPr>
      <cdr:spPr>
        <a:xfrm xmlns:a="http://schemas.openxmlformats.org/drawingml/2006/main">
          <a:off x="2705100" y="547689"/>
          <a:ext cx="2619375" cy="28575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fr-FR" sz="1100"/>
            <a:t>P = 1,5,10</a:t>
          </a:r>
          <a:r>
            <a:rPr lang="fr-FR" sz="1100" baseline="30000"/>
            <a:t>-11</a:t>
          </a:r>
          <a:r>
            <a:rPr lang="fr-FR" sz="1100"/>
            <a:t> mbar (Eq. N</a:t>
          </a:r>
          <a:r>
            <a:rPr lang="fr-FR" sz="1100" baseline="0"/>
            <a:t>2</a:t>
          </a:r>
          <a:r>
            <a:rPr lang="fr-FR" sz="1100"/>
            <a:t>@20°C)</a:t>
          </a:r>
        </a:p>
      </cdr:txBody>
    </cdr:sp>
  </cdr:relSizeAnchor>
  <cdr:relSizeAnchor xmlns:cdr="http://schemas.openxmlformats.org/drawingml/2006/chartDrawing">
    <cdr:from>
      <cdr:x>0.64216</cdr:x>
      <cdr:y>0.21017</cdr:y>
    </cdr:from>
    <cdr:to>
      <cdr:x>0.87777</cdr:x>
      <cdr:y>0.2986</cdr:y>
    </cdr:to>
    <cdr:sp macro="" textlink="">
      <cdr:nvSpPr>
        <cdr:cNvPr id="3" name="ZoneTexte 8">
          <a:extLst xmlns:a="http://schemas.openxmlformats.org/drawingml/2006/main">
            <a:ext uri="{FF2B5EF4-FFF2-40B4-BE49-F238E27FC236}">
              <a16:creationId xmlns:a16="http://schemas.microsoft.com/office/drawing/2014/main" id="{2A1AC5F6-966D-46F5-9CEC-C6E6FBA096BD}"/>
            </a:ext>
          </a:extLst>
        </cdr:cNvPr>
        <cdr:cNvSpPr txBox="1"/>
      </cdr:nvSpPr>
      <cdr:spPr>
        <a:xfrm xmlns:a="http://schemas.openxmlformats.org/drawingml/2006/main">
          <a:off x="4603749" y="877829"/>
          <a:ext cx="1689100" cy="369332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fr-FR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fr-FR" dirty="0">
              <a:solidFill>
                <a:srgbClr val="FF0000"/>
              </a:solidFill>
            </a:rPr>
            <a:t>Filament RGA</a:t>
          </a:r>
        </a:p>
      </cdr:txBody>
    </cdr:sp>
  </cdr:relSizeAnchor>
  <cdr:relSizeAnchor xmlns:cdr="http://schemas.openxmlformats.org/drawingml/2006/chartDrawing">
    <cdr:from>
      <cdr:x>0.57839</cdr:x>
      <cdr:y>0.32224</cdr:y>
    </cdr:from>
    <cdr:to>
      <cdr:x>0.68733</cdr:x>
      <cdr:y>0.39123</cdr:y>
    </cdr:to>
    <cdr:cxnSp macro="">
      <cdr:nvCxnSpPr>
        <cdr:cNvPr id="5" name="Connecteur droit avec flèche 4">
          <a:extLst xmlns:a="http://schemas.openxmlformats.org/drawingml/2006/main">
            <a:ext uri="{FF2B5EF4-FFF2-40B4-BE49-F238E27FC236}">
              <a16:creationId xmlns:a16="http://schemas.microsoft.com/office/drawing/2014/main" id="{0063A44D-B8B5-4AD0-8A4A-AD3B4859E400}"/>
            </a:ext>
          </a:extLst>
        </cdr:cNvPr>
        <cdr:cNvCxnSpPr/>
      </cdr:nvCxnSpPr>
      <cdr:spPr>
        <a:xfrm xmlns:a="http://schemas.openxmlformats.org/drawingml/2006/main" flipH="1">
          <a:off x="4146551" y="1345923"/>
          <a:ext cx="781048" cy="288151"/>
        </a:xfrm>
        <a:prstGeom xmlns:a="http://schemas.openxmlformats.org/drawingml/2006/main" prst="straightConnector1">
          <a:avLst/>
        </a:prstGeom>
        <a:ln xmlns:a="http://schemas.openxmlformats.org/drawingml/2006/main">
          <a:solidFill>
            <a:srgbClr val="FF0000"/>
          </a:solidFill>
          <a:tailEnd type="triangl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69442</cdr:x>
      <cdr:y>0.31148</cdr:y>
    </cdr:from>
    <cdr:to>
      <cdr:x>0.81134</cdr:x>
      <cdr:y>0.5</cdr:y>
    </cdr:to>
    <cdr:cxnSp macro="">
      <cdr:nvCxnSpPr>
        <cdr:cNvPr id="8" name="Connecteur droit avec flèche 7">
          <a:extLst xmlns:a="http://schemas.openxmlformats.org/drawingml/2006/main">
            <a:ext uri="{FF2B5EF4-FFF2-40B4-BE49-F238E27FC236}">
              <a16:creationId xmlns:a16="http://schemas.microsoft.com/office/drawing/2014/main" id="{EE172221-43D1-4713-B3A9-0A28968BF787}"/>
            </a:ext>
          </a:extLst>
        </cdr:cNvPr>
        <cdr:cNvCxnSpPr/>
      </cdr:nvCxnSpPr>
      <cdr:spPr>
        <a:xfrm xmlns:a="http://schemas.openxmlformats.org/drawingml/2006/main">
          <a:off x="4978400" y="1300957"/>
          <a:ext cx="838200" cy="787399"/>
        </a:xfrm>
        <a:prstGeom xmlns:a="http://schemas.openxmlformats.org/drawingml/2006/main" prst="straightConnector1">
          <a:avLst/>
        </a:prstGeom>
        <a:ln xmlns:a="http://schemas.openxmlformats.org/drawingml/2006/main">
          <a:solidFill>
            <a:srgbClr val="FF0000"/>
          </a:solidFill>
          <a:tailEnd type="triangl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3276839-C060-4F28-95C4-886693160020}" type="datetimeFigureOut">
              <a:rPr lang="fr-FR" smtClean="0"/>
              <a:t>22/01/2026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71D0274-8EAE-40F8-8190-AD017E3FE96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624041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Image 22">
            <a:extLst>
              <a:ext uri="{FF2B5EF4-FFF2-40B4-BE49-F238E27FC236}">
                <a16:creationId xmlns:a16="http://schemas.microsoft.com/office/drawing/2014/main" id="{27016803-9A95-4AE2-AA70-ABD9D5C62D4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8F4CA17D-7F1F-40EB-B482-4795B67D8A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28800" y="1"/>
            <a:ext cx="10363199" cy="862642"/>
          </a:xfrm>
        </p:spPr>
        <p:txBody>
          <a:bodyPr/>
          <a:lstStyle>
            <a:lvl1pPr>
              <a:defRPr b="1">
                <a:solidFill>
                  <a:schemeClr val="tx1"/>
                </a:solidFill>
              </a:defRPr>
            </a:lvl1pPr>
          </a:lstStyle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EF89247-F5D9-4101-9CAF-C046211172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0" y="1278435"/>
            <a:ext cx="12192000" cy="5021781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6663B3B-F493-4490-9E11-009C78097EF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096" y="6492874"/>
            <a:ext cx="27432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567BD71-90B7-4A83-9138-24026FEA27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493510"/>
            <a:ext cx="41148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4527C63-3BB0-48D9-BAB1-24179C74C8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424416" y="6475222"/>
            <a:ext cx="27432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C5C1CE2-6D07-417E-AC36-B374E24F93EB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077940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B049A2C-A001-4BFB-AEA6-4160F34D2D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2B5E6B7A-74C6-495E-9EA6-F0419EC2A15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1AA5D2DB-CC10-4B65-9030-32295FB994F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592CD0EC-D40B-4D5C-9411-4EC7913CD5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C6ABC68E-0939-4119-976A-DDC50793C8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A8F949BB-D848-42BC-8814-470C480C8F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466447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5DE35D2-BD05-4E82-B0D0-EF4F0BB503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B9E4D779-C16B-4C3B-866B-F47B2B864C3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BECB4FAD-9D63-4308-9057-000ABE85A6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AB0CF6E-82A3-4FEA-81E3-761345013E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3545DE7-B701-4BE2-8E3D-8FA65B3606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6708460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3B09C4DF-6FFC-4AE6-A62B-9286423115D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D49F980-84F7-4EA0-8812-D5CA5DD2F4A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D67D3433-DFE3-4E65-B42E-3BF2D85DD7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B2448DD-6830-4771-A9E2-638F18ED48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74FBCA1-11C5-4AC1-AA24-FF03C2F96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308812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2FD7D69-373A-4742-927E-B4ECDF6008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514B402F-3093-4FD5-AE29-187C732F520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64384BF-E09A-41FD-ABB0-35C672B63A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39CF09B-B402-40E1-90C8-5F03325EB1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53EF913-8FF4-41B5-A756-FE79903254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091180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F06799B-E3F5-4975-B455-375E394898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670F944-A35E-415E-862B-919BDFEEFBB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AB5839B-CACD-4E39-9E5A-B0AF1643BD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844F27B-5188-43FF-923B-2798B4E10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CB509FD-E3E8-4B39-8D14-FB1D2EECB5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711882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435BE43-1A4F-469A-AC0E-1D7EFA872A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C1C90E76-D395-45E3-9F79-904DF30933E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FE3D6E8-F23F-444E-8667-9BDA8318DB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F356F57-D2F0-4ADC-8294-0E9F92BBBB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961460F-7386-4B8F-9023-F9FF185EFE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9666192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93F9B24-0EDB-4C7F-8074-39338B937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D64034F-D26E-4C61-9395-FBE4CB1E051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CE98470B-C76C-43E9-9747-1A6FAD95882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E44468FD-AE23-46FE-B9A3-193523615D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EA7B93B-9D18-4C79-ADCE-D7D189EBB4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7E9EBC9-CAC2-4C24-9226-9B07AE6171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1036130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A0E9681-DE5F-4D06-A173-1F3BB0C3F2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B9F4806E-D987-40A7-AB97-20417D8BD17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2023089-A94D-439B-AE33-C1A2283D674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0FB7704F-7EC6-4F39-BA53-ECF022E6E03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784A63BB-3B4F-48E4-A352-24A6E95BBFC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B9171961-2E84-49B0-A228-26B3132DBD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7DE416A0-814B-405F-8838-E6FA21DDEF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AAD7382-3907-42E4-B8D2-C1A0664D86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7846378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B3ADBFC-A482-41CC-9DCE-E445783DEB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209A2388-E1CF-462C-9FF0-52833533C3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7E9A9C39-3A91-49F5-BCA3-B901935118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35602079-EA7B-4400-89E8-E01129CC00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076789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AC77EF16-855E-4550-882E-FB8BB64DE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52D61EAD-F47E-4377-A403-886BEAA4F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2DC31882-0420-4572-BC6C-CC05B68973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342111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e 7">
            <a:extLst>
              <a:ext uri="{FF2B5EF4-FFF2-40B4-BE49-F238E27FC236}">
                <a16:creationId xmlns:a16="http://schemas.microsoft.com/office/drawing/2014/main" id="{B60D07F2-1307-408A-A21C-87B790F866B6}"/>
              </a:ext>
            </a:extLst>
          </p:cNvPr>
          <p:cNvGrpSpPr/>
          <p:nvPr userDrawn="1"/>
        </p:nvGrpSpPr>
        <p:grpSpPr>
          <a:xfrm>
            <a:off x="-42393" y="0"/>
            <a:ext cx="12234393" cy="784679"/>
            <a:chOff x="-42393" y="0"/>
            <a:chExt cx="12234393" cy="784679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EB4DFA1-6348-467C-A236-258171E86DB7}"/>
                </a:ext>
              </a:extLst>
            </p:cNvPr>
            <p:cNvSpPr/>
            <p:nvPr/>
          </p:nvSpPr>
          <p:spPr>
            <a:xfrm>
              <a:off x="0" y="0"/>
              <a:ext cx="12192000" cy="784679"/>
            </a:xfrm>
            <a:prstGeom prst="rect">
              <a:avLst/>
            </a:prstGeom>
            <a:gradFill>
              <a:gsLst>
                <a:gs pos="10000">
                  <a:schemeClr val="accent1"/>
                </a:gs>
                <a:gs pos="43000">
                  <a:schemeClr val="accent1">
                    <a:lumMod val="45000"/>
                    <a:lumOff val="55000"/>
                  </a:schemeClr>
                </a:gs>
                <a:gs pos="83000">
                  <a:schemeClr val="accent1">
                    <a:lumMod val="45000"/>
                    <a:lumOff val="55000"/>
                  </a:schemeClr>
                </a:gs>
                <a:gs pos="100000">
                  <a:schemeClr val="accent1">
                    <a:lumMod val="30000"/>
                    <a:lumOff val="70000"/>
                  </a:schemeClr>
                </a:gs>
              </a:gsLst>
              <a:lin ang="5400000" scaled="1"/>
            </a:gra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0" name="Image 9">
              <a:extLst>
                <a:ext uri="{FF2B5EF4-FFF2-40B4-BE49-F238E27FC236}">
                  <a16:creationId xmlns:a16="http://schemas.microsoft.com/office/drawing/2014/main" id="{59D19044-6D1F-4E0B-9C80-DEACC24EE53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-42393" y="0"/>
              <a:ext cx="1347253" cy="784679"/>
            </a:xfrm>
            <a:prstGeom prst="rect">
              <a:avLst/>
            </a:prstGeom>
          </p:spPr>
        </p:pic>
        <p:pic>
          <p:nvPicPr>
            <p:cNvPr id="11" name="Image 10">
              <a:extLst>
                <a:ext uri="{FF2B5EF4-FFF2-40B4-BE49-F238E27FC236}">
                  <a16:creationId xmlns:a16="http://schemas.microsoft.com/office/drawing/2014/main" id="{B0BBC3F4-DC60-4973-923F-332AB3C696D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227028" y="0"/>
              <a:ext cx="964972" cy="784679"/>
            </a:xfrm>
            <a:prstGeom prst="rect">
              <a:avLst/>
            </a:prstGeom>
          </p:spPr>
        </p:pic>
      </p:grpSp>
      <p:sp>
        <p:nvSpPr>
          <p:cNvPr id="2" name="Titre 1">
            <a:extLst>
              <a:ext uri="{FF2B5EF4-FFF2-40B4-BE49-F238E27FC236}">
                <a16:creationId xmlns:a16="http://schemas.microsoft.com/office/drawing/2014/main" id="{8F4CA17D-7F1F-40EB-B482-4795B67D8A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28800" y="1"/>
            <a:ext cx="10363199" cy="862642"/>
          </a:xfrm>
        </p:spPr>
        <p:txBody>
          <a:bodyPr>
            <a:normAutofit/>
          </a:bodyPr>
          <a:lstStyle>
            <a:lvl1pPr>
              <a:defRPr sz="3200" b="1">
                <a:solidFill>
                  <a:schemeClr val="tx1"/>
                </a:solidFill>
              </a:defRPr>
            </a:lvl1pPr>
          </a:lstStyle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EF89247-F5D9-4101-9CAF-C046211172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0" y="1278435"/>
            <a:ext cx="12192000" cy="5021781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6663B3B-F493-4490-9E11-009C78097EF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096" y="6492874"/>
            <a:ext cx="27432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567BD71-90B7-4A83-9138-24026FEA27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493510"/>
            <a:ext cx="41148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fr-FR" dirty="0"/>
              <a:t>PERLE- Project Progress </a:t>
            </a:r>
            <a:r>
              <a:rPr lang="fr-FR" dirty="0" err="1"/>
              <a:t>Review</a:t>
            </a:r>
            <a:r>
              <a:rPr lang="fr-FR" dirty="0"/>
              <a:t>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4527C63-3BB0-48D9-BAB1-24179C74C8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424416" y="6475222"/>
            <a:ext cx="2743200" cy="365125"/>
          </a:xfrm>
        </p:spPr>
        <p:txBody>
          <a:bodyPr/>
          <a:lstStyle>
            <a:lvl1pPr>
              <a:defRPr sz="1400" b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C5C1CE2-6D07-417E-AC36-B374E24F93EB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96342380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2CCA11B-A6AA-4CFA-8ABD-516F9DC8A4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67F14F3-19D3-4CAC-BB29-45C7E833EB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1BFD86C-9CF7-41B7-B9D4-AED8176F036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23A6F4A-65F7-41F8-B6FD-16C4DB6D60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2A34B01A-0BE2-4648-A707-27444CF71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8093ACC-EED5-4F9A-BA44-FF95548A4A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9904360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DA2861D-6F59-425C-A2D0-8A4824B91F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BE89729D-C4CD-4CD7-A193-F91AF36993C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BBBBB806-C3A5-401A-9A0A-BA0A842F22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8BA68972-2D56-459F-BE82-0F5B501170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C228977-37E9-45AE-8FEE-8530204AD2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8B037E1C-5829-4C94-AA3A-29ACE8D533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861326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845B160-7658-49FA-898E-6AD86FEEDD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960B924E-42DC-408F-9665-A541A500269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66768BE-10FF-43EE-BD50-FB7E6D0E5F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AA6FD51-C726-4681-8C1C-BC40417F3C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2362C28-3985-4E42-9439-66C42DC7E8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366368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7127083A-6E3A-4454-8FC4-B26B57D05C5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70D91EAE-41E8-43D7-A1BF-526A604DEAB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88C9223-0C2E-424C-9627-37C10B1FCE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374ED25-C3AA-4C83-82A5-2628A4DBD9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85D3942-3B70-452F-9FBA-E76623764B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912291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B3BCE7D-3D95-4C3A-BA8F-561011D938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6A963176-9D89-4B65-935B-06285CA6D52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B35644F7-CBB0-4AAB-81BA-A56B659097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784DB0B-DAAF-4F58-9161-964BB058DF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8669A0D-191D-48E0-B20C-6154FFA6E1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6834388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A071B4-AC22-4349-9D9E-E0793F973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2CA3B48-D924-4D40-80AD-A13866CD50E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5A5A3C1-BB75-4EB7-8E5D-9C5C02F1B7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E5A8CE1-40DE-4EDD-BF2D-CE30F1B787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5E2BBED-5BC3-4DDF-B00D-A5AF6EE6B2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898038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91CB01B-6BE8-41C7-8C66-1233B75FEF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5896463-7506-4F4C-97C3-F784908F12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6421BD22-85CA-42FE-A4F1-983CBE27D97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B6C2843-25B2-4B37-AC5F-46230BB80E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98963AD-9615-4913-BCD0-D3D2EB67D9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36658E7-E59F-40D9-B0B1-0F5DD6A32F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780273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9F6F58B-4A2A-443E-BE68-8B5FE6BA05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D2BD9300-8BD0-4A76-8AB9-2B605E05EA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D8E4640D-59E3-42E1-A881-1F3E0D3EDB6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E0CDB45C-87C9-48C1-A746-3D2ECCE626A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D90B1143-26F8-4CE6-807E-A1601319C5F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BC3ABA99-52FD-4E5A-9C51-0CE7D66F36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21D6BF56-895F-4906-BE0C-7AF11F6B33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647FA694-FDFD-4798-BDBB-ECF019AAC6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331660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B13C328-A56A-49FA-85C7-115F3E4B9D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D6DA1B43-307A-4BDF-A2AA-421C413844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B225D0B9-E450-4577-AC1B-3C58961925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BCFE4C59-05C7-490A-BF72-5BAE63CE2D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790167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9BB88BE5-C9FA-4EDA-943E-5DF7A89279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2A939AE7-952D-40C6-BD97-D5304049B7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E9ACD82-1CBC-4713-AC76-7EB643AF09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913495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C5024D8-CAF6-47B3-810B-B23831C0D5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132AC9A7-95E2-4CB9-B1A5-0987E0DBFD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24EE69FD-A622-472D-90E1-6A763AE31A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15665F7-BA24-4B66-8960-3958B448C5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1D30A14-15AD-4F80-816A-5C8B15F5C9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419C290-C964-463A-B6E8-7415F18E14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352750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E5573E52-2CB6-483E-812B-720F62487A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64C7400-A857-4B33-926C-7BA318A1470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21E1DE2-77A7-4630-AC9A-158A8B1A4F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2763288-4DF9-46D2-8AA5-7D230237209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2CE7DCD-D170-4E9B-8AA9-05478317453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5C1CE2-6D07-417E-AC36-B374E24F93E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264442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50" r:id="rId2"/>
    <p:sldLayoutId id="2147483649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D1D333C8-B74F-44E9-A8DC-0473F67FB7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CE90DA0-10E7-4A72-9582-818CA9C55C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223A9A2-43C5-4FAB-AFF4-9887ED94484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/>
              <a:t>22/01/26</a:t>
            </a:r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775CB652-0013-4D27-A8BB-B1D22CD9E35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/>
              <a:t>PERLE- Project Progress Review- 1-2026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B145DBB-E3FA-440A-9451-0B8DA7BFBA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043765-2987-4485-94FA-4CB4D1247A4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575557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svg"/><Relationship Id="rId7" Type="http://schemas.openxmlformats.org/officeDocument/2006/relationships/image" Target="../media/image11.sv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openxmlformats.org/officeDocument/2006/relationships/image" Target="../media/image9.svg"/><Relationship Id="rId4" Type="http://schemas.openxmlformats.org/officeDocument/2006/relationships/image" Target="../media/image8.png"/><Relationship Id="rId9" Type="http://schemas.openxmlformats.org/officeDocument/2006/relationships/image" Target="../media/image13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20000"/>
            <a:lum/>
          </a:blip>
          <a:srcRect/>
          <a:stretch>
            <a:fillRect t="-20000" b="-20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>
            <a:extLst>
              <a:ext uri="{FF2B5EF4-FFF2-40B4-BE49-F238E27FC236}">
                <a16:creationId xmlns:a16="http://schemas.microsoft.com/office/drawing/2014/main" id="{3C2030E6-8D8F-4541-8E61-2A2A8E1854BF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46651" y="774789"/>
            <a:ext cx="1117600" cy="762000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E2E2DC02-FD60-480A-8F51-4246344AADCA}"/>
              </a:ext>
            </a:extLst>
          </p:cNvPr>
          <p:cNvSpPr txBox="1"/>
          <p:nvPr/>
        </p:nvSpPr>
        <p:spPr>
          <a:xfrm>
            <a:off x="1533395" y="2263952"/>
            <a:ext cx="9145016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dirty="0">
                <a:solidFill>
                  <a:schemeClr val="accent1">
                    <a:lumMod val="75000"/>
                  </a:schemeClr>
                </a:solidFill>
                <a:latin typeface="+mn-lt"/>
              </a:rPr>
              <a:t>Project Progress </a:t>
            </a:r>
            <a:r>
              <a:rPr lang="fr-FR" sz="3600" dirty="0" err="1">
                <a:solidFill>
                  <a:schemeClr val="accent1">
                    <a:lumMod val="75000"/>
                  </a:schemeClr>
                </a:solidFill>
                <a:latin typeface="+mn-lt"/>
              </a:rPr>
              <a:t>Review</a:t>
            </a:r>
            <a:r>
              <a:rPr lang="fr-FR" sz="3600" dirty="0">
                <a:solidFill>
                  <a:schemeClr val="accent1">
                    <a:lumMod val="75000"/>
                  </a:schemeClr>
                </a:solidFill>
                <a:latin typeface="+mn-lt"/>
              </a:rPr>
              <a:t> (PPR) 1-2026</a:t>
            </a:r>
          </a:p>
          <a:p>
            <a:pPr algn="ctr"/>
            <a:endParaRPr lang="fr-FR" sz="3600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  <a:p>
            <a:pPr algn="ctr"/>
            <a:r>
              <a:rPr lang="fr-FR" sz="2800" dirty="0">
                <a:latin typeface="+mn-lt"/>
              </a:rPr>
              <a:t>WP- 09 </a:t>
            </a:r>
          </a:p>
          <a:p>
            <a:pPr algn="ctr"/>
            <a:r>
              <a:rPr lang="fr-FR" sz="2800" dirty="0">
                <a:latin typeface="+mn-lt"/>
              </a:rPr>
              <a:t>Présenté par: Bruno Mercier</a:t>
            </a:r>
          </a:p>
          <a:p>
            <a:pPr algn="ctr"/>
            <a:endParaRPr lang="fr-FR" sz="2400" dirty="0">
              <a:latin typeface="+mn-lt"/>
            </a:endParaRPr>
          </a:p>
          <a:p>
            <a:pPr algn="ctr"/>
            <a:endParaRPr lang="fr-FR" sz="2400" dirty="0">
              <a:latin typeface="+mn-lt"/>
            </a:endParaRPr>
          </a:p>
          <a:p>
            <a:pPr algn="ctr"/>
            <a:r>
              <a:rPr lang="fr-FR" sz="2400" dirty="0"/>
              <a:t>2</a:t>
            </a:r>
            <a:r>
              <a:rPr lang="fr-FR" sz="2400" dirty="0">
                <a:latin typeface="+mn-lt"/>
              </a:rPr>
              <a:t>2 </a:t>
            </a:r>
            <a:r>
              <a:rPr lang="fr-FR" sz="2400" dirty="0"/>
              <a:t>Janvier</a:t>
            </a:r>
            <a:r>
              <a:rPr lang="fr-FR" sz="2400" dirty="0">
                <a:latin typeface="+mn-lt"/>
              </a:rPr>
              <a:t> 2026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CBE9EF72-D37B-40A0-A8EA-39F77EE65745}"/>
              </a:ext>
            </a:extLst>
          </p:cNvPr>
          <p:cNvSpPr txBox="1"/>
          <p:nvPr/>
        </p:nvSpPr>
        <p:spPr>
          <a:xfrm>
            <a:off x="145725" y="5087260"/>
            <a:ext cx="1591409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Eric Mistretta</a:t>
            </a:r>
          </a:p>
          <a:p>
            <a:r>
              <a:rPr lang="en-US" sz="1400" dirty="0"/>
              <a:t>Thibaut Gerardin</a:t>
            </a:r>
          </a:p>
          <a:p>
            <a:r>
              <a:rPr lang="en-US" sz="1400" dirty="0"/>
              <a:t>Julien Demailly</a:t>
            </a:r>
          </a:p>
          <a:p>
            <a:r>
              <a:rPr lang="en-US" sz="1400" dirty="0"/>
              <a:t>Jonathan Yemane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15540256-2552-4320-A698-2234DF9AFCE8}"/>
              </a:ext>
            </a:extLst>
          </p:cNvPr>
          <p:cNvSpPr txBox="1"/>
          <p:nvPr/>
        </p:nvSpPr>
        <p:spPr>
          <a:xfrm>
            <a:off x="145725" y="6150228"/>
            <a:ext cx="220035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Bruno Mercier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7C48ED12-FEDD-4EE4-8040-11C62FAFE692}"/>
              </a:ext>
            </a:extLst>
          </p:cNvPr>
          <p:cNvSpPr/>
          <p:nvPr/>
        </p:nvSpPr>
        <p:spPr>
          <a:xfrm>
            <a:off x="145725" y="5850321"/>
            <a:ext cx="1339662" cy="38209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US" sz="1400" dirty="0"/>
              <a:t>Mamadou FAYE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DD8697FE-3241-40C2-990F-800E409E6085}"/>
              </a:ext>
            </a:extLst>
          </p:cNvPr>
          <p:cNvSpPr txBox="1"/>
          <p:nvPr/>
        </p:nvSpPr>
        <p:spPr>
          <a:xfrm>
            <a:off x="145725" y="4576649"/>
            <a:ext cx="16633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Vacuum Team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38A2D4DA-47E3-4070-B53F-BF58C08742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</a:p>
        </p:txBody>
      </p:sp>
      <p:sp>
        <p:nvSpPr>
          <p:cNvPr id="9" name="Espace réservé du pied de page 8">
            <a:extLst>
              <a:ext uri="{FF2B5EF4-FFF2-40B4-BE49-F238E27FC236}">
                <a16:creationId xmlns:a16="http://schemas.microsoft.com/office/drawing/2014/main" id="{9FF22220-D7E7-4360-9EF9-0EA3FF6B3D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</a:p>
        </p:txBody>
      </p:sp>
      <p:sp>
        <p:nvSpPr>
          <p:cNvPr id="10" name="Espace réservé du numéro de diapositive 9">
            <a:extLst>
              <a:ext uri="{FF2B5EF4-FFF2-40B4-BE49-F238E27FC236}">
                <a16:creationId xmlns:a16="http://schemas.microsoft.com/office/drawing/2014/main" id="{515EEFFF-FCB0-43E6-AF9E-CF2E02F357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035670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A84B5F3-615F-40AC-BDDE-6041C97EA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447EEAE-4A84-46BC-AE13-4C96A2D1F4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2A1C00D-F399-406F-BF9B-573B629A34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70D7D42-2666-4D4C-9199-7189E2659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BA6A8D6F-022A-4734-B138-F8600C90EF99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733440" y="954561"/>
            <a:ext cx="5296378" cy="5428742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A951C73B-54E1-4774-AFCD-DF0DBE240997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23330" y="1020743"/>
            <a:ext cx="5428742" cy="52963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834715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57EAFF4-3EB0-485E-AA36-9E9B47798E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pic>
        <p:nvPicPr>
          <p:cNvPr id="7" name="Espace réservé du contenu 6">
            <a:extLst>
              <a:ext uri="{FF2B5EF4-FFF2-40B4-BE49-F238E27FC236}">
                <a16:creationId xmlns:a16="http://schemas.microsoft.com/office/drawing/2014/main" id="{BDDA94A7-7783-4D0E-A3BB-680E7D06140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r="52043"/>
          <a:stretch/>
        </p:blipFill>
        <p:spPr>
          <a:xfrm>
            <a:off x="3200400" y="3274822"/>
            <a:ext cx="4775200" cy="3200400"/>
          </a:xfrm>
          <a:prstGeom prst="rect">
            <a:avLst/>
          </a:prstGeom>
        </p:spPr>
      </p:pic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BE1EEB0A-C2FA-4997-83A6-3F04FB7835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3A89A76-3D64-4B2F-83F1-14AFFE4DBE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3250D7E-8019-4769-B971-9801E356EA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11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606957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A2F15C2-18AE-4CE5-B22C-625F0C924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TDR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10A00F25-CB75-4A7B-9DA0-EA5080316F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34156" y="263529"/>
            <a:ext cx="7454900" cy="467369"/>
          </a:xfrm>
        </p:spPr>
        <p:txBody>
          <a:bodyPr>
            <a:normAutofit lnSpcReduction="10000"/>
          </a:bodyPr>
          <a:lstStyle/>
          <a:p>
            <a:r>
              <a:rPr lang="fr-FR" dirty="0"/>
              <a:t>Point sur l’avancé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FD7BE7B-BFC4-43BB-8CBE-CC0AD82B03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3371EF5-5B4A-4E1E-9CC5-118ECA270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ED5DF5E-2F60-4766-9AAC-D06444004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5327D3B8-EC61-4A0E-9740-56560BEA5DF9}"/>
              </a:ext>
            </a:extLst>
          </p:cNvPr>
          <p:cNvSpPr txBox="1"/>
          <p:nvPr/>
        </p:nvSpPr>
        <p:spPr>
          <a:xfrm>
            <a:off x="7110492" y="5897074"/>
            <a:ext cx="34766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dirty="0"/>
              <a:t>Retravailler quelques figures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DFF01B4E-FC2A-4735-A228-F3F840ED4948}"/>
              </a:ext>
            </a:extLst>
          </p:cNvPr>
          <p:cNvSpPr txBox="1"/>
          <p:nvPr/>
        </p:nvSpPr>
        <p:spPr>
          <a:xfrm>
            <a:off x="7137440" y="5537269"/>
            <a:ext cx="43687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dirty="0"/>
              <a:t>Relecture de l’ensemble en interne (WP)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E4647BB-F48B-4D46-86F3-9D3E97167230}"/>
              </a:ext>
            </a:extLst>
          </p:cNvPr>
          <p:cNvSpPr/>
          <p:nvPr/>
        </p:nvSpPr>
        <p:spPr>
          <a:xfrm>
            <a:off x="690263" y="3828243"/>
            <a:ext cx="2809818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5- Le vide des anneaux (Bruno)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962FCA30-2E9F-49A4-B3A7-856693791B1A}"/>
              </a:ext>
            </a:extLst>
          </p:cNvPr>
          <p:cNvSpPr/>
          <p:nvPr/>
        </p:nvSpPr>
        <p:spPr>
          <a:xfrm>
            <a:off x="758503" y="1900956"/>
            <a:ext cx="4610213" cy="34406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- Introduction / les enjeux du vide sur PERL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5670FC7-C402-4FF9-8085-E301C7463C73}"/>
              </a:ext>
            </a:extLst>
          </p:cNvPr>
          <p:cNvSpPr/>
          <p:nvPr/>
        </p:nvSpPr>
        <p:spPr>
          <a:xfrm>
            <a:off x="745799" y="3147960"/>
            <a:ext cx="3900128" cy="6075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66700" lvl="0" indent="-26670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4- Le vide de la ligne d’injection, du merger et de la  ligne diagnostique  (Mamadou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7E3853E-AE0B-461E-81A1-9F34E0654F3E}"/>
              </a:ext>
            </a:extLst>
          </p:cNvPr>
          <p:cNvSpPr/>
          <p:nvPr/>
        </p:nvSpPr>
        <p:spPr>
          <a:xfrm>
            <a:off x="754532" y="2679485"/>
            <a:ext cx="2571230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3- Le vide de la PPF (Bruno) 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930A0A33-2859-4D90-8695-37068281637D}"/>
              </a:ext>
            </a:extLst>
          </p:cNvPr>
          <p:cNvSpPr/>
          <p:nvPr/>
        </p:nvSpPr>
        <p:spPr>
          <a:xfrm>
            <a:off x="754532" y="2272393"/>
            <a:ext cx="2946616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2- Le vide du CANON (Jonathan)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C7B5050-4D8A-406E-9E4F-BA7CCF52899F}"/>
              </a:ext>
            </a:extLst>
          </p:cNvPr>
          <p:cNvSpPr/>
          <p:nvPr/>
        </p:nvSpPr>
        <p:spPr>
          <a:xfrm>
            <a:off x="677812" y="4333782"/>
            <a:ext cx="3656730" cy="6075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7800" lvl="0" indent="-17780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6-Construction, installation et opération du système de vide (Bruno, </a:t>
            </a:r>
            <a:r>
              <a:rPr lang="fr-FR" sz="1600" dirty="0" err="1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ric</a:t>
            </a: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23AD1483-128C-447F-B575-FA9DDE712A60}"/>
              </a:ext>
            </a:extLst>
          </p:cNvPr>
          <p:cNvSpPr/>
          <p:nvPr/>
        </p:nvSpPr>
        <p:spPr>
          <a:xfrm>
            <a:off x="88900" y="1651002"/>
            <a:ext cx="4692438" cy="354214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600"/>
          </a:p>
        </p:txBody>
      </p:sp>
      <p:pic>
        <p:nvPicPr>
          <p:cNvPr id="24" name="Graphique 23" descr="Coche">
            <a:extLst>
              <a:ext uri="{FF2B5EF4-FFF2-40B4-BE49-F238E27FC236}">
                <a16:creationId xmlns:a16="http://schemas.microsoft.com/office/drawing/2014/main" id="{15C1E788-7F4D-4D4F-AFF6-2BFFE557CB52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27985" y="1820723"/>
            <a:ext cx="391433" cy="514142"/>
          </a:xfrm>
          <a:prstGeom prst="rect">
            <a:avLst/>
          </a:prstGeom>
        </p:spPr>
      </p:pic>
      <p:pic>
        <p:nvPicPr>
          <p:cNvPr id="25" name="Graphique 24" descr="Coche">
            <a:extLst>
              <a:ext uri="{FF2B5EF4-FFF2-40B4-BE49-F238E27FC236}">
                <a16:creationId xmlns:a16="http://schemas.microsoft.com/office/drawing/2014/main" id="{93CD184F-02F3-4B35-9FC9-CF27C7EC066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85933" y="2190380"/>
            <a:ext cx="391433" cy="514142"/>
          </a:xfrm>
          <a:prstGeom prst="rect">
            <a:avLst/>
          </a:prstGeom>
        </p:spPr>
      </p:pic>
      <p:pic>
        <p:nvPicPr>
          <p:cNvPr id="26" name="Graphique 25" descr="Coche">
            <a:extLst>
              <a:ext uri="{FF2B5EF4-FFF2-40B4-BE49-F238E27FC236}">
                <a16:creationId xmlns:a16="http://schemas.microsoft.com/office/drawing/2014/main" id="{C2055A25-25D0-4B2B-8A5C-0C5224BF0FE0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06237" y="2628941"/>
            <a:ext cx="391433" cy="514142"/>
          </a:xfrm>
          <a:prstGeom prst="rect">
            <a:avLst/>
          </a:prstGeom>
        </p:spPr>
      </p:pic>
      <p:pic>
        <p:nvPicPr>
          <p:cNvPr id="27" name="Graphique 26" descr="Coche">
            <a:extLst>
              <a:ext uri="{FF2B5EF4-FFF2-40B4-BE49-F238E27FC236}">
                <a16:creationId xmlns:a16="http://schemas.microsoft.com/office/drawing/2014/main" id="{7DE9021F-8344-4B87-B34D-DB6D670BB65B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90106" y="3080497"/>
            <a:ext cx="391433" cy="514142"/>
          </a:xfrm>
          <a:prstGeom prst="rect">
            <a:avLst/>
          </a:prstGeom>
        </p:spPr>
      </p:pic>
      <p:pic>
        <p:nvPicPr>
          <p:cNvPr id="28" name="Graphique 27" descr="Coche">
            <a:extLst>
              <a:ext uri="{FF2B5EF4-FFF2-40B4-BE49-F238E27FC236}">
                <a16:creationId xmlns:a16="http://schemas.microsoft.com/office/drawing/2014/main" id="{CFB9176A-DFD9-4D25-A45B-86D7F2AB02D2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95773" y="4282008"/>
            <a:ext cx="391433" cy="514142"/>
          </a:xfrm>
          <a:prstGeom prst="rect">
            <a:avLst/>
          </a:prstGeom>
        </p:spPr>
      </p:pic>
      <p:pic>
        <p:nvPicPr>
          <p:cNvPr id="29" name="Graphique 28" descr="Coche">
            <a:extLst>
              <a:ext uri="{FF2B5EF4-FFF2-40B4-BE49-F238E27FC236}">
                <a16:creationId xmlns:a16="http://schemas.microsoft.com/office/drawing/2014/main" id="{E29FA0E7-424D-443A-9463-6A84C1302E03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49820" y="3714918"/>
            <a:ext cx="391433" cy="514142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F2FAA26E-A200-40AF-94AF-C4A3763094D3}"/>
              </a:ext>
            </a:extLst>
          </p:cNvPr>
          <p:cNvSpPr/>
          <p:nvPr/>
        </p:nvSpPr>
        <p:spPr>
          <a:xfrm>
            <a:off x="6952388" y="5497993"/>
            <a:ext cx="4718912" cy="84311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90C1147C-AC92-4747-8C9F-5634E856A307}"/>
              </a:ext>
            </a:extLst>
          </p:cNvPr>
          <p:cNvSpPr/>
          <p:nvPr/>
        </p:nvSpPr>
        <p:spPr>
          <a:xfrm>
            <a:off x="6778653" y="3554479"/>
            <a:ext cx="2749493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5- Le vide des anneaux (Bruno)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94D54DB0-7D76-423A-B44E-710C9D324813}"/>
              </a:ext>
            </a:extLst>
          </p:cNvPr>
          <p:cNvSpPr/>
          <p:nvPr/>
        </p:nvSpPr>
        <p:spPr>
          <a:xfrm>
            <a:off x="6770728" y="1778006"/>
            <a:ext cx="4511236" cy="34406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- Introduction / les enjeux du vide sur PERL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58205343-D0EE-440E-904C-7DD8C3B7E08E}"/>
              </a:ext>
            </a:extLst>
          </p:cNvPr>
          <p:cNvSpPr/>
          <p:nvPr/>
        </p:nvSpPr>
        <p:spPr>
          <a:xfrm>
            <a:off x="6770728" y="2923290"/>
            <a:ext cx="3816396" cy="6075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66700" lvl="0" indent="-26670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4- Le vide de la ligne d’injection, du merger et de la  ligne diagnostique  (Mamadou)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89AECCA-2B65-4C42-B2AD-EA708B329CDB}"/>
              </a:ext>
            </a:extLst>
          </p:cNvPr>
          <p:cNvSpPr/>
          <p:nvPr/>
        </p:nvSpPr>
        <p:spPr>
          <a:xfrm>
            <a:off x="6757817" y="2481857"/>
            <a:ext cx="2516028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3- Le vide de la PPF (Bruno) 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0412C1D6-1BC2-4113-8A71-F11514648EC6}"/>
              </a:ext>
            </a:extLst>
          </p:cNvPr>
          <p:cNvSpPr/>
          <p:nvPr/>
        </p:nvSpPr>
        <p:spPr>
          <a:xfrm>
            <a:off x="6757817" y="2109246"/>
            <a:ext cx="2883355" cy="3440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2- Le vide du CANON (Jonathan)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01D9EB9B-3DEA-4B00-8C39-EC2F9BD0C6BD}"/>
              </a:ext>
            </a:extLst>
          </p:cNvPr>
          <p:cNvSpPr/>
          <p:nvPr/>
        </p:nvSpPr>
        <p:spPr>
          <a:xfrm>
            <a:off x="6770728" y="4159208"/>
            <a:ext cx="3578224" cy="6075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7800" lvl="0" indent="-177800">
              <a:lnSpc>
                <a:spcPct val="107000"/>
              </a:lnSpc>
              <a:spcAft>
                <a:spcPts val="0"/>
              </a:spcAft>
            </a:pP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6-Construction, installation et opération du système de vide (Bruno, </a:t>
            </a:r>
            <a:r>
              <a:rPr lang="fr-FR" sz="1600" dirty="0" err="1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ric</a:t>
            </a:r>
            <a:r>
              <a:rPr 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C7789B3D-F101-4FC3-910A-B7BFCF870285}"/>
              </a:ext>
            </a:extLst>
          </p:cNvPr>
          <p:cNvSpPr/>
          <p:nvPr/>
        </p:nvSpPr>
        <p:spPr>
          <a:xfrm>
            <a:off x="6115500" y="1528052"/>
            <a:ext cx="5166464" cy="363217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600"/>
          </a:p>
        </p:txBody>
      </p:sp>
      <p:pic>
        <p:nvPicPr>
          <p:cNvPr id="40" name="Graphique 39" descr="Coche">
            <a:extLst>
              <a:ext uri="{FF2B5EF4-FFF2-40B4-BE49-F238E27FC236}">
                <a16:creationId xmlns:a16="http://schemas.microsoft.com/office/drawing/2014/main" id="{3F9106F4-3357-4049-AE86-5C9F9CC50EE5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51599" y="1697773"/>
            <a:ext cx="383030" cy="514142"/>
          </a:xfrm>
          <a:prstGeom prst="rect">
            <a:avLst/>
          </a:prstGeom>
        </p:spPr>
      </p:pic>
      <p:pic>
        <p:nvPicPr>
          <p:cNvPr id="41" name="Graphique 40" descr="Coche">
            <a:extLst>
              <a:ext uri="{FF2B5EF4-FFF2-40B4-BE49-F238E27FC236}">
                <a16:creationId xmlns:a16="http://schemas.microsoft.com/office/drawing/2014/main" id="{0D503C10-A79F-4BF4-81D0-666F818F7E25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64510" y="2048570"/>
            <a:ext cx="383030" cy="514142"/>
          </a:xfrm>
          <a:prstGeom prst="rect">
            <a:avLst/>
          </a:prstGeom>
        </p:spPr>
      </p:pic>
      <p:pic>
        <p:nvPicPr>
          <p:cNvPr id="42" name="Graphique 41" descr="Coche">
            <a:extLst>
              <a:ext uri="{FF2B5EF4-FFF2-40B4-BE49-F238E27FC236}">
                <a16:creationId xmlns:a16="http://schemas.microsoft.com/office/drawing/2014/main" id="{07130A69-99FE-41E7-86BF-30BE0C5F3B12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51599" y="2447451"/>
            <a:ext cx="383030" cy="514142"/>
          </a:xfrm>
          <a:prstGeom prst="rect">
            <a:avLst/>
          </a:prstGeom>
        </p:spPr>
      </p:pic>
      <p:pic>
        <p:nvPicPr>
          <p:cNvPr id="43" name="Graphique 42" descr="Coche">
            <a:extLst>
              <a:ext uri="{FF2B5EF4-FFF2-40B4-BE49-F238E27FC236}">
                <a16:creationId xmlns:a16="http://schemas.microsoft.com/office/drawing/2014/main" id="{62DB66C6-DB94-4674-AD12-581862BA30B9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64510" y="2932833"/>
            <a:ext cx="383030" cy="514142"/>
          </a:xfrm>
          <a:prstGeom prst="rect">
            <a:avLst/>
          </a:prstGeom>
        </p:spPr>
      </p:pic>
      <p:pic>
        <p:nvPicPr>
          <p:cNvPr id="44" name="Graphique 43" descr="Coche">
            <a:extLst>
              <a:ext uri="{FF2B5EF4-FFF2-40B4-BE49-F238E27FC236}">
                <a16:creationId xmlns:a16="http://schemas.microsoft.com/office/drawing/2014/main" id="{71B9A563-C870-4FF9-8983-9D78DC58DB90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64510" y="4123409"/>
            <a:ext cx="383030" cy="514142"/>
          </a:xfrm>
          <a:prstGeom prst="rect">
            <a:avLst/>
          </a:prstGeom>
        </p:spPr>
      </p:pic>
      <p:pic>
        <p:nvPicPr>
          <p:cNvPr id="45" name="Graphique 44" descr="Coche">
            <a:extLst>
              <a:ext uri="{FF2B5EF4-FFF2-40B4-BE49-F238E27FC236}">
                <a16:creationId xmlns:a16="http://schemas.microsoft.com/office/drawing/2014/main" id="{A612D5B2-FB7C-4E68-AF09-4C8FFF156AD7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6264510" y="3511603"/>
            <a:ext cx="383030" cy="514142"/>
          </a:xfrm>
          <a:prstGeom prst="rect">
            <a:avLst/>
          </a:prstGeom>
        </p:spPr>
      </p:pic>
      <p:sp>
        <p:nvSpPr>
          <p:cNvPr id="11" name="ZoneTexte 10">
            <a:extLst>
              <a:ext uri="{FF2B5EF4-FFF2-40B4-BE49-F238E27FC236}">
                <a16:creationId xmlns:a16="http://schemas.microsoft.com/office/drawing/2014/main" id="{F1CC69B7-92E2-43C9-A09D-7DABB940F941}"/>
              </a:ext>
            </a:extLst>
          </p:cNvPr>
          <p:cNvSpPr txBox="1"/>
          <p:nvPr/>
        </p:nvSpPr>
        <p:spPr>
          <a:xfrm>
            <a:off x="745799" y="895682"/>
            <a:ext cx="3022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Point au 28 Novembre 2025</a:t>
            </a:r>
          </a:p>
        </p:txBody>
      </p:sp>
      <p:sp>
        <p:nvSpPr>
          <p:cNvPr id="12" name="Flèche : droite 11">
            <a:extLst>
              <a:ext uri="{FF2B5EF4-FFF2-40B4-BE49-F238E27FC236}">
                <a16:creationId xmlns:a16="http://schemas.microsoft.com/office/drawing/2014/main" id="{79023A77-6DC9-4766-B4A5-5A0317D7DF75}"/>
              </a:ext>
            </a:extLst>
          </p:cNvPr>
          <p:cNvSpPr/>
          <p:nvPr/>
        </p:nvSpPr>
        <p:spPr>
          <a:xfrm>
            <a:off x="5181600" y="3170218"/>
            <a:ext cx="533638" cy="467369"/>
          </a:xfrm>
          <a:prstGeom prst="right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748230B4-C1BC-469F-B2A8-A13541427A11}"/>
              </a:ext>
            </a:extLst>
          </p:cNvPr>
          <p:cNvSpPr txBox="1"/>
          <p:nvPr/>
        </p:nvSpPr>
        <p:spPr>
          <a:xfrm>
            <a:off x="5910214" y="5414190"/>
            <a:ext cx="10287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A faire</a:t>
            </a:r>
          </a:p>
        </p:txBody>
      </p:sp>
    </p:spTree>
    <p:extLst>
      <p:ext uri="{BB962C8B-B14F-4D97-AF65-F5344CB8AC3E}">
        <p14:creationId xmlns:p14="http://schemas.microsoft.com/office/powerpoint/2010/main" val="29254565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2121B3B-DA14-48A5-A403-A1DBE46911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Etat d’avancement  (1/3)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944886-E37F-401A-AFE5-C264A663D2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5EB7D63-AD73-4DA3-8A32-328BC23099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1994973-0B68-450C-AFF0-1221037510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3</a:t>
            </a:fld>
            <a:endParaRPr lang="fr-FR" dirty="0"/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7211AE1E-0896-4159-BF43-A51D71F26824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276464"/>
            <a:ext cx="4298123" cy="1911236"/>
          </a:xfrm>
          <a:prstGeom prst="rect">
            <a:avLst/>
          </a:prstGeom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02E5B833-B8A1-4870-B7C2-B7F71F518DDB}"/>
              </a:ext>
            </a:extLst>
          </p:cNvPr>
          <p:cNvSpPr txBox="1"/>
          <p:nvPr/>
        </p:nvSpPr>
        <p:spPr>
          <a:xfrm>
            <a:off x="2149060" y="907132"/>
            <a:ext cx="17244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Ligne </a:t>
            </a:r>
            <a:r>
              <a:rPr lang="fr-FR" dirty="0" err="1"/>
              <a:t>Buncher</a:t>
            </a:r>
            <a:endParaRPr lang="fr-FR" dirty="0"/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EBA4F288-9249-4032-A596-D80D28DB9FE0}"/>
              </a:ext>
            </a:extLst>
          </p:cNvPr>
          <p:cNvSpPr txBox="1"/>
          <p:nvPr/>
        </p:nvSpPr>
        <p:spPr>
          <a:xfrm>
            <a:off x="503031" y="862643"/>
            <a:ext cx="1143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Canon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04492344-3BB3-4A24-B1F4-4BC7C28C2A5D}"/>
              </a:ext>
            </a:extLst>
          </p:cNvPr>
          <p:cNvSpPr txBox="1"/>
          <p:nvPr/>
        </p:nvSpPr>
        <p:spPr>
          <a:xfrm>
            <a:off x="2252283" y="2590497"/>
            <a:ext cx="63061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04858"/>
            <a:r>
              <a:rPr lang="fr-FR" sz="800" b="1" dirty="0" err="1">
                <a:solidFill>
                  <a:srgbClr val="FF0000"/>
                </a:solidFill>
              </a:rPr>
              <a:t>Nextorr</a:t>
            </a:r>
            <a:r>
              <a:rPr lang="fr-FR" sz="800" b="1" dirty="0">
                <a:solidFill>
                  <a:srgbClr val="FF0000"/>
                </a:solidFill>
              </a:rPr>
              <a:t> z200</a:t>
            </a: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9EEAB967-5E85-498C-9218-F1C78F27547A}"/>
              </a:ext>
            </a:extLst>
          </p:cNvPr>
          <p:cNvSpPr txBox="1"/>
          <p:nvPr/>
        </p:nvSpPr>
        <p:spPr>
          <a:xfrm>
            <a:off x="2567591" y="1614188"/>
            <a:ext cx="1044734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04858"/>
            <a:r>
              <a:rPr lang="fr-FR" sz="800" b="1" dirty="0" err="1">
                <a:solidFill>
                  <a:srgbClr val="FF0000"/>
                </a:solidFill>
              </a:rPr>
              <a:t>Nextorr</a:t>
            </a:r>
            <a:r>
              <a:rPr lang="fr-FR" sz="800" b="1" dirty="0">
                <a:solidFill>
                  <a:srgbClr val="FF0000"/>
                </a:solidFill>
              </a:rPr>
              <a:t> Z200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A551215A-30D5-459B-A5FB-D98C37C748D2}"/>
              </a:ext>
            </a:extLst>
          </p:cNvPr>
          <p:cNvSpPr txBox="1"/>
          <p:nvPr/>
        </p:nvSpPr>
        <p:spPr>
          <a:xfrm>
            <a:off x="3089958" y="2713607"/>
            <a:ext cx="630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04858"/>
            <a:r>
              <a:rPr lang="fr-FR" sz="800" b="1" dirty="0">
                <a:solidFill>
                  <a:srgbClr val="FF0000"/>
                </a:solidFill>
              </a:rPr>
              <a:t>NEG Z400</a:t>
            </a:r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7EAA9E35-3ADE-4A51-93C7-6A37F80A5E9A}"/>
              </a:ext>
            </a:extLst>
          </p:cNvPr>
          <p:cNvSpPr txBox="1"/>
          <p:nvPr/>
        </p:nvSpPr>
        <p:spPr>
          <a:xfrm>
            <a:off x="4953276" y="921799"/>
            <a:ext cx="22854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b="1" dirty="0"/>
              <a:t>Le Canon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AF99EF4E-8CFA-40B1-938B-DC29EE3D0D8B}"/>
              </a:ext>
            </a:extLst>
          </p:cNvPr>
          <p:cNvSpPr txBox="1"/>
          <p:nvPr/>
        </p:nvSpPr>
        <p:spPr>
          <a:xfrm>
            <a:off x="4940081" y="3525478"/>
            <a:ext cx="6070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b="1" dirty="0"/>
              <a:t>la ligne </a:t>
            </a:r>
            <a:r>
              <a:rPr lang="fr-FR" b="1" dirty="0" err="1"/>
              <a:t>Buncher</a:t>
            </a:r>
            <a:endParaRPr lang="fr-FR" b="1" dirty="0"/>
          </a:p>
        </p:txBody>
      </p:sp>
      <p:sp>
        <p:nvSpPr>
          <p:cNvPr id="32" name="ZoneTexte 31">
            <a:extLst>
              <a:ext uri="{FF2B5EF4-FFF2-40B4-BE49-F238E27FC236}">
                <a16:creationId xmlns:a16="http://schemas.microsoft.com/office/drawing/2014/main" id="{8560CD33-BE51-4DE5-A988-D526BE9322AC}"/>
              </a:ext>
            </a:extLst>
          </p:cNvPr>
          <p:cNvSpPr txBox="1"/>
          <p:nvPr/>
        </p:nvSpPr>
        <p:spPr>
          <a:xfrm>
            <a:off x="5747636" y="3967286"/>
            <a:ext cx="47531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Pression  6,5.10</a:t>
            </a:r>
            <a:r>
              <a:rPr lang="fr-FR" b="1" baseline="30000" dirty="0">
                <a:solidFill>
                  <a:schemeClr val="accent6">
                    <a:lumMod val="75000"/>
                  </a:schemeClr>
                </a:solidFill>
              </a:rPr>
              <a:t>-11</a:t>
            </a: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 mbar (eq.N</a:t>
            </a:r>
            <a:r>
              <a:rPr lang="fr-FR" b="1" baseline="-25000" dirty="0">
                <a:solidFill>
                  <a:schemeClr val="accent6">
                    <a:lumMod val="75000"/>
                  </a:schemeClr>
                </a:solidFill>
              </a:rPr>
              <a:t>2</a:t>
            </a: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@20 °C)</a:t>
            </a:r>
          </a:p>
        </p:txBody>
      </p:sp>
      <p:sp>
        <p:nvSpPr>
          <p:cNvPr id="35" name="ZoneTexte 34">
            <a:extLst>
              <a:ext uri="{FF2B5EF4-FFF2-40B4-BE49-F238E27FC236}">
                <a16:creationId xmlns:a16="http://schemas.microsoft.com/office/drawing/2014/main" id="{0BD57C54-B564-4BC3-86EC-1592719B7C89}"/>
              </a:ext>
            </a:extLst>
          </p:cNvPr>
          <p:cNvSpPr txBox="1"/>
          <p:nvPr/>
        </p:nvSpPr>
        <p:spPr>
          <a:xfrm>
            <a:off x="4953276" y="4551990"/>
            <a:ext cx="51224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b="1" dirty="0"/>
              <a:t>La chambre de la coupe Faraday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F6E5BFA2-8714-467F-95E4-40CDA6FACA09}"/>
              </a:ext>
            </a:extLst>
          </p:cNvPr>
          <p:cNvSpPr txBox="1"/>
          <p:nvPr/>
        </p:nvSpPr>
        <p:spPr>
          <a:xfrm>
            <a:off x="5765078" y="1661350"/>
            <a:ext cx="42964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Fuite au niveau du RGA  3,10-9 mbar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56EFFA7F-6E6C-47A2-981E-471E1ED514F5}"/>
              </a:ext>
            </a:extLst>
          </p:cNvPr>
          <p:cNvSpPr txBox="1"/>
          <p:nvPr/>
        </p:nvSpPr>
        <p:spPr>
          <a:xfrm>
            <a:off x="5765078" y="1988444"/>
            <a:ext cx="54109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Conditionnement HT effectué à cette pression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B5AFD37E-C29B-4957-BD99-4DFCD99B0896}"/>
              </a:ext>
            </a:extLst>
          </p:cNvPr>
          <p:cNvSpPr txBox="1"/>
          <p:nvPr/>
        </p:nvSpPr>
        <p:spPr>
          <a:xfrm>
            <a:off x="5765078" y="2361452"/>
            <a:ext cx="54109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Remise à la </a:t>
            </a:r>
            <a:r>
              <a:rPr lang="fr-FR" dirty="0" err="1"/>
              <a:t>Patm</a:t>
            </a:r>
            <a:r>
              <a:rPr lang="fr-FR" dirty="0"/>
              <a:t> (N2) + chgt RGA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0E574EE9-E18E-44B8-9B51-CF475973E88A}"/>
              </a:ext>
            </a:extLst>
          </p:cNvPr>
          <p:cNvSpPr txBox="1"/>
          <p:nvPr/>
        </p:nvSpPr>
        <p:spPr>
          <a:xfrm>
            <a:off x="5765078" y="2713607"/>
            <a:ext cx="5183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Etuvage du RGA + activation des NEG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45E6926-0B86-4C00-B91E-E95848F49C7C}"/>
              </a:ext>
            </a:extLst>
          </p:cNvPr>
          <p:cNvSpPr/>
          <p:nvPr/>
        </p:nvSpPr>
        <p:spPr>
          <a:xfrm>
            <a:off x="5747636" y="3055375"/>
            <a:ext cx="521822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pression de  1,4.10</a:t>
            </a:r>
            <a:r>
              <a:rPr lang="fr-FR" b="1" baseline="30000" dirty="0">
                <a:solidFill>
                  <a:schemeClr val="accent6">
                    <a:lumMod val="75000"/>
                  </a:schemeClr>
                </a:solidFill>
              </a:rPr>
              <a:t>-11</a:t>
            </a: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 mbar (eq.N</a:t>
            </a:r>
            <a:r>
              <a:rPr lang="fr-FR" b="1" baseline="-25000" dirty="0">
                <a:solidFill>
                  <a:schemeClr val="accent6">
                    <a:lumMod val="75000"/>
                  </a:schemeClr>
                </a:solidFill>
              </a:rPr>
              <a:t>2</a:t>
            </a:r>
            <a:r>
              <a:rPr lang="fr-FR" b="1" dirty="0">
                <a:solidFill>
                  <a:schemeClr val="accent6">
                    <a:lumMod val="75000"/>
                  </a:schemeClr>
                </a:solidFill>
              </a:rPr>
              <a:t>@20 °C)  OK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D9A3F8C-5F98-4ECE-941E-A8314E259263}"/>
              </a:ext>
            </a:extLst>
          </p:cNvPr>
          <p:cNvSpPr/>
          <p:nvPr/>
        </p:nvSpPr>
        <p:spPr>
          <a:xfrm>
            <a:off x="5765078" y="1289375"/>
            <a:ext cx="521822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pression de  4,5.10</a:t>
            </a:r>
            <a:r>
              <a:rPr lang="fr-FR" baseline="30000" dirty="0"/>
              <a:t>-12</a:t>
            </a:r>
            <a:r>
              <a:rPr lang="fr-FR" dirty="0"/>
              <a:t> mbar (eq.N</a:t>
            </a:r>
            <a:r>
              <a:rPr lang="fr-FR" baseline="-25000" dirty="0"/>
              <a:t>2</a:t>
            </a:r>
            <a:r>
              <a:rPr lang="fr-FR" dirty="0"/>
              <a:t>@20 °C)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9FB4AD11-EB0A-46C3-9792-E43E0744E4FF}"/>
              </a:ext>
            </a:extLst>
          </p:cNvPr>
          <p:cNvSpPr txBox="1"/>
          <p:nvPr/>
        </p:nvSpPr>
        <p:spPr>
          <a:xfrm>
            <a:off x="5747636" y="4867708"/>
            <a:ext cx="48307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Etanchéité OK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8A9E0BE2-E8D2-41DC-9EC6-B6E6391F6B19}"/>
              </a:ext>
            </a:extLst>
          </p:cNvPr>
          <p:cNvSpPr txBox="1"/>
          <p:nvPr/>
        </p:nvSpPr>
        <p:spPr>
          <a:xfrm>
            <a:off x="5747636" y="5182901"/>
            <a:ext cx="52705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Passage câble de la Pompe ionique (PI) + amorçage</a:t>
            </a:r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050E5AB9-98D2-4A5A-A617-BC1166667881}"/>
              </a:ext>
            </a:extLst>
          </p:cNvPr>
          <p:cNvSpPr txBox="1"/>
          <p:nvPr/>
        </p:nvSpPr>
        <p:spPr>
          <a:xfrm>
            <a:off x="5747636" y="5513172"/>
            <a:ext cx="60125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1" dirty="0">
                <a:solidFill>
                  <a:schemeClr val="accent2"/>
                </a:solidFill>
              </a:rPr>
              <a:t>Pression  4.10</a:t>
            </a:r>
            <a:r>
              <a:rPr lang="fr-FR" b="1" baseline="30000" dirty="0">
                <a:solidFill>
                  <a:schemeClr val="accent2"/>
                </a:solidFill>
              </a:rPr>
              <a:t>-8 </a:t>
            </a:r>
            <a:r>
              <a:rPr lang="fr-FR" b="1" dirty="0">
                <a:solidFill>
                  <a:schemeClr val="accent2"/>
                </a:solidFill>
              </a:rPr>
              <a:t>mbar (eq.N</a:t>
            </a:r>
            <a:r>
              <a:rPr lang="fr-FR" b="1" baseline="-25000" dirty="0">
                <a:solidFill>
                  <a:schemeClr val="accent2"/>
                </a:solidFill>
              </a:rPr>
              <a:t>2</a:t>
            </a:r>
            <a:r>
              <a:rPr lang="fr-FR" b="1" dirty="0">
                <a:solidFill>
                  <a:schemeClr val="accent2"/>
                </a:solidFill>
              </a:rPr>
              <a:t>@20 °C) en PI et sans étuvage </a:t>
            </a:r>
          </a:p>
        </p:txBody>
      </p:sp>
      <p:pic>
        <p:nvPicPr>
          <p:cNvPr id="26" name="Image 25">
            <a:extLst>
              <a:ext uri="{FF2B5EF4-FFF2-40B4-BE49-F238E27FC236}">
                <a16:creationId xmlns:a16="http://schemas.microsoft.com/office/drawing/2014/main" id="{E515C2DE-CD3D-448F-BE9B-59C2BC49376C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396271" y="3342322"/>
            <a:ext cx="3180857" cy="3450067"/>
          </a:xfrm>
          <a:prstGeom prst="rect">
            <a:avLst/>
          </a:prstGeom>
        </p:spPr>
      </p:pic>
      <p:sp>
        <p:nvSpPr>
          <p:cNvPr id="27" name="ZoneTexte 26">
            <a:extLst>
              <a:ext uri="{FF2B5EF4-FFF2-40B4-BE49-F238E27FC236}">
                <a16:creationId xmlns:a16="http://schemas.microsoft.com/office/drawing/2014/main" id="{2C8B28B2-5C3D-4355-A6BE-AC6A27AC407B}"/>
              </a:ext>
            </a:extLst>
          </p:cNvPr>
          <p:cNvSpPr txBox="1"/>
          <p:nvPr/>
        </p:nvSpPr>
        <p:spPr>
          <a:xfrm>
            <a:off x="1104397" y="3476927"/>
            <a:ext cx="1985561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fr-FR" sz="1200" dirty="0"/>
              <a:t>Chambre coupe Faraday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7F9F0FC9-C708-4DF9-8D26-5ECCFD5C51EA}"/>
              </a:ext>
            </a:extLst>
          </p:cNvPr>
          <p:cNvSpPr/>
          <p:nvPr/>
        </p:nvSpPr>
        <p:spPr>
          <a:xfrm>
            <a:off x="4085812" y="2184810"/>
            <a:ext cx="473488" cy="17296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19D6A65-9F6B-4AE2-9F40-FDCEBE99C2D9}"/>
              </a:ext>
            </a:extLst>
          </p:cNvPr>
          <p:cNvSpPr/>
          <p:nvPr/>
        </p:nvSpPr>
        <p:spPr>
          <a:xfrm>
            <a:off x="4250911" y="2329489"/>
            <a:ext cx="98943" cy="261008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D7056005-7B6A-4CDB-A4B7-BF46957BFD8D}"/>
              </a:ext>
            </a:extLst>
          </p:cNvPr>
          <p:cNvSpPr txBox="1"/>
          <p:nvPr/>
        </p:nvSpPr>
        <p:spPr>
          <a:xfrm>
            <a:off x="4038600" y="1575717"/>
            <a:ext cx="11338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Coupe Faraday</a:t>
            </a:r>
          </a:p>
        </p:txBody>
      </p:sp>
    </p:spTree>
    <p:extLst>
      <p:ext uri="{BB962C8B-B14F-4D97-AF65-F5344CB8AC3E}">
        <p14:creationId xmlns:p14="http://schemas.microsoft.com/office/powerpoint/2010/main" val="18277270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2121B3B-DA14-48A5-A403-A1DBE46911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Etat d’avancement  (2/3)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944886-E37F-401A-AFE5-C264A663D2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5EB7D63-AD73-4DA3-8A32-328BC23099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1994973-0B68-450C-AFF0-1221037510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442704" y="6492873"/>
            <a:ext cx="2743200" cy="365125"/>
          </a:xfrm>
        </p:spPr>
        <p:txBody>
          <a:bodyPr/>
          <a:lstStyle/>
          <a:p>
            <a:fld id="{BC5C1CE2-6D07-417E-AC36-B374E24F93EB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7EAA9E35-3ADE-4A51-93C7-6A37F80A5E9A}"/>
              </a:ext>
            </a:extLst>
          </p:cNvPr>
          <p:cNvSpPr txBox="1"/>
          <p:nvPr/>
        </p:nvSpPr>
        <p:spPr>
          <a:xfrm>
            <a:off x="5802802" y="1494310"/>
            <a:ext cx="65372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dirty="0"/>
              <a:t>Les chambres LL, TRB, TRA et MBE</a:t>
            </a:r>
          </a:p>
        </p:txBody>
      </p:sp>
      <p:sp>
        <p:nvSpPr>
          <p:cNvPr id="35" name="ZoneTexte 34">
            <a:extLst>
              <a:ext uri="{FF2B5EF4-FFF2-40B4-BE49-F238E27FC236}">
                <a16:creationId xmlns:a16="http://schemas.microsoft.com/office/drawing/2014/main" id="{0BD57C54-B564-4BC3-86EC-1592719B7C89}"/>
              </a:ext>
            </a:extLst>
          </p:cNvPr>
          <p:cNvSpPr txBox="1"/>
          <p:nvPr/>
        </p:nvSpPr>
        <p:spPr>
          <a:xfrm>
            <a:off x="5831488" y="2554488"/>
            <a:ext cx="54568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dirty="0"/>
              <a:t>La chambre de dépôt MBE 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7A711501-9C5B-4E94-917C-5A340B7809FC}"/>
              </a:ext>
            </a:extLst>
          </p:cNvPr>
          <p:cNvSpPr txBox="1"/>
          <p:nvPr/>
        </p:nvSpPr>
        <p:spPr>
          <a:xfrm>
            <a:off x="6548813" y="1882628"/>
            <a:ext cx="44112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1" dirty="0">
                <a:solidFill>
                  <a:schemeClr val="accent2"/>
                </a:solidFill>
              </a:rPr>
              <a:t>En cours d’étuvage + activation NEG</a:t>
            </a:r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5AE9AF6-4962-4837-B8E9-0EB6AD4C6399}"/>
              </a:ext>
            </a:extLst>
          </p:cNvPr>
          <p:cNvSpPr txBox="1"/>
          <p:nvPr/>
        </p:nvSpPr>
        <p:spPr>
          <a:xfrm>
            <a:off x="368982" y="862643"/>
            <a:ext cx="61276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chambres pour la préparation des photocathodes (PPF)</a:t>
            </a:r>
          </a:p>
        </p:txBody>
      </p:sp>
      <p:sp>
        <p:nvSpPr>
          <p:cNvPr id="56" name="ZoneTexte 55">
            <a:extLst>
              <a:ext uri="{FF2B5EF4-FFF2-40B4-BE49-F238E27FC236}">
                <a16:creationId xmlns:a16="http://schemas.microsoft.com/office/drawing/2014/main" id="{BA8728E0-7142-44CC-A36F-2B33B12AF2EF}"/>
              </a:ext>
            </a:extLst>
          </p:cNvPr>
          <p:cNvSpPr txBox="1"/>
          <p:nvPr/>
        </p:nvSpPr>
        <p:spPr>
          <a:xfrm>
            <a:off x="6556444" y="2995299"/>
            <a:ext cx="55049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1" dirty="0">
                <a:solidFill>
                  <a:schemeClr val="accent2"/>
                </a:solidFill>
              </a:rPr>
              <a:t>instabilité de la Pompe ionique</a:t>
            </a:r>
            <a:r>
              <a:rPr lang="fr-FR" sz="1400" b="1" dirty="0">
                <a:solidFill>
                  <a:schemeClr val="accent2"/>
                </a:solidFill>
              </a:rPr>
              <a:t> (PI TITAN300 CV) MBE (3kV)</a:t>
            </a:r>
          </a:p>
        </p:txBody>
      </p:sp>
      <p:sp>
        <p:nvSpPr>
          <p:cNvPr id="57" name="ZoneTexte 56">
            <a:extLst>
              <a:ext uri="{FF2B5EF4-FFF2-40B4-BE49-F238E27FC236}">
                <a16:creationId xmlns:a16="http://schemas.microsoft.com/office/drawing/2014/main" id="{3E7083E8-A87A-4686-835C-4437301F959B}"/>
              </a:ext>
            </a:extLst>
          </p:cNvPr>
          <p:cNvSpPr txBox="1"/>
          <p:nvPr/>
        </p:nvSpPr>
        <p:spPr>
          <a:xfrm>
            <a:off x="7013245" y="3291273"/>
            <a:ext cx="15308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/>
              <a:t>PI saturé  </a:t>
            </a:r>
          </a:p>
        </p:txBody>
      </p:sp>
      <p:sp>
        <p:nvSpPr>
          <p:cNvPr id="58" name="ZoneTexte 57">
            <a:extLst>
              <a:ext uri="{FF2B5EF4-FFF2-40B4-BE49-F238E27FC236}">
                <a16:creationId xmlns:a16="http://schemas.microsoft.com/office/drawing/2014/main" id="{BA1ABE06-7703-4541-AF9F-AD04673A9E5F}"/>
              </a:ext>
            </a:extLst>
          </p:cNvPr>
          <p:cNvSpPr txBox="1"/>
          <p:nvPr/>
        </p:nvSpPr>
        <p:spPr>
          <a:xfrm>
            <a:off x="8313458" y="3291273"/>
            <a:ext cx="243064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/>
              <a:t>Etuvage nécessaire</a:t>
            </a:r>
          </a:p>
        </p:txBody>
      </p:sp>
      <p:sp>
        <p:nvSpPr>
          <p:cNvPr id="59" name="ZoneTexte 58">
            <a:extLst>
              <a:ext uri="{FF2B5EF4-FFF2-40B4-BE49-F238E27FC236}">
                <a16:creationId xmlns:a16="http://schemas.microsoft.com/office/drawing/2014/main" id="{6DF43326-1E1C-4027-A806-6EB4517FA7EB}"/>
              </a:ext>
            </a:extLst>
          </p:cNvPr>
          <p:cNvSpPr txBox="1"/>
          <p:nvPr/>
        </p:nvSpPr>
        <p:spPr>
          <a:xfrm>
            <a:off x="10400897" y="3298139"/>
            <a:ext cx="15308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/>
              <a:t>PI à changer ?</a:t>
            </a:r>
          </a:p>
        </p:txBody>
      </p:sp>
      <p:cxnSp>
        <p:nvCxnSpPr>
          <p:cNvPr id="60" name="Connecteur droit avec flèche 59">
            <a:extLst>
              <a:ext uri="{FF2B5EF4-FFF2-40B4-BE49-F238E27FC236}">
                <a16:creationId xmlns:a16="http://schemas.microsoft.com/office/drawing/2014/main" id="{2830FF53-9607-4697-B3A4-8E4B83214B37}"/>
              </a:ext>
            </a:extLst>
          </p:cNvPr>
          <p:cNvCxnSpPr>
            <a:cxnSpLocks/>
          </p:cNvCxnSpPr>
          <p:nvPr/>
        </p:nvCxnSpPr>
        <p:spPr>
          <a:xfrm>
            <a:off x="7910878" y="3487276"/>
            <a:ext cx="298856" cy="941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avec flèche 60">
            <a:extLst>
              <a:ext uri="{FF2B5EF4-FFF2-40B4-BE49-F238E27FC236}">
                <a16:creationId xmlns:a16="http://schemas.microsoft.com/office/drawing/2014/main" id="{EE5AEC1E-CFB2-4710-849F-CA248BEE5633}"/>
              </a:ext>
            </a:extLst>
          </p:cNvPr>
          <p:cNvCxnSpPr>
            <a:cxnSpLocks/>
          </p:cNvCxnSpPr>
          <p:nvPr/>
        </p:nvCxnSpPr>
        <p:spPr>
          <a:xfrm flipV="1">
            <a:off x="10033483" y="3460550"/>
            <a:ext cx="290186" cy="1373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ZoneTexte 18">
            <a:extLst>
              <a:ext uri="{FF2B5EF4-FFF2-40B4-BE49-F238E27FC236}">
                <a16:creationId xmlns:a16="http://schemas.microsoft.com/office/drawing/2014/main" id="{A8D95E64-D00B-4A32-A06D-ED644B5B05C4}"/>
              </a:ext>
            </a:extLst>
          </p:cNvPr>
          <p:cNvSpPr txBox="1"/>
          <p:nvPr/>
        </p:nvSpPr>
        <p:spPr>
          <a:xfrm>
            <a:off x="6577862" y="5581120"/>
            <a:ext cx="45826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Analyse de gaz à effectuer</a:t>
            </a:r>
          </a:p>
        </p:txBody>
      </p:sp>
      <p:grpSp>
        <p:nvGrpSpPr>
          <p:cNvPr id="9" name="Groupe 8">
            <a:extLst>
              <a:ext uri="{FF2B5EF4-FFF2-40B4-BE49-F238E27FC236}">
                <a16:creationId xmlns:a16="http://schemas.microsoft.com/office/drawing/2014/main" id="{7D24D1CC-3B28-4801-B464-3262223E322C}"/>
              </a:ext>
            </a:extLst>
          </p:cNvPr>
          <p:cNvGrpSpPr/>
          <p:nvPr/>
        </p:nvGrpSpPr>
        <p:grpSpPr>
          <a:xfrm>
            <a:off x="107397" y="1177463"/>
            <a:ext cx="5301208" cy="2434183"/>
            <a:chOff x="130630" y="1285191"/>
            <a:chExt cx="5301208" cy="2434183"/>
          </a:xfrm>
        </p:grpSpPr>
        <p:grpSp>
          <p:nvGrpSpPr>
            <p:cNvPr id="40" name="Groupe 39">
              <a:extLst>
                <a:ext uri="{FF2B5EF4-FFF2-40B4-BE49-F238E27FC236}">
                  <a16:creationId xmlns:a16="http://schemas.microsoft.com/office/drawing/2014/main" id="{9E761CDC-B3CB-465E-8C39-5362BD3839B3}"/>
                </a:ext>
              </a:extLst>
            </p:cNvPr>
            <p:cNvGrpSpPr/>
            <p:nvPr/>
          </p:nvGrpSpPr>
          <p:grpSpPr>
            <a:xfrm>
              <a:off x="130630" y="1285191"/>
              <a:ext cx="5301208" cy="2434183"/>
              <a:chOff x="3442171" y="1115616"/>
              <a:chExt cx="5650955" cy="3828256"/>
            </a:xfrm>
          </p:grpSpPr>
          <p:pic>
            <p:nvPicPr>
              <p:cNvPr id="41" name="Image 40">
                <a:extLst>
                  <a:ext uri="{FF2B5EF4-FFF2-40B4-BE49-F238E27FC236}">
                    <a16:creationId xmlns:a16="http://schemas.microsoft.com/office/drawing/2014/main" id="{9678A060-5AEC-4736-B9C4-D261730A93E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 cstate="email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l="21514" t="3119" r="21286" b="13944"/>
              <a:stretch/>
            </p:blipFill>
            <p:spPr>
              <a:xfrm>
                <a:off x="3442171" y="1115616"/>
                <a:ext cx="5381177" cy="3828256"/>
              </a:xfrm>
              <a:prstGeom prst="rect">
                <a:avLst/>
              </a:prstGeom>
            </p:spPr>
          </p:pic>
          <p:sp>
            <p:nvSpPr>
              <p:cNvPr id="42" name="ZoneTexte 41">
                <a:extLst>
                  <a:ext uri="{FF2B5EF4-FFF2-40B4-BE49-F238E27FC236}">
                    <a16:creationId xmlns:a16="http://schemas.microsoft.com/office/drawing/2014/main" id="{9F75AD07-4307-4F1A-8E4A-50D855CD0812}"/>
                  </a:ext>
                </a:extLst>
              </p:cNvPr>
              <p:cNvSpPr txBox="1"/>
              <p:nvPr/>
            </p:nvSpPr>
            <p:spPr>
              <a:xfrm>
                <a:off x="4069912" y="1778666"/>
                <a:ext cx="726481" cy="40011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dirty="0">
                    <a:solidFill>
                      <a:srgbClr val="C00000"/>
                    </a:solidFill>
                  </a:rPr>
                  <a:t>BAG</a:t>
                </a:r>
              </a:p>
            </p:txBody>
          </p:sp>
          <p:sp>
            <p:nvSpPr>
              <p:cNvPr id="43" name="ZoneTexte 42">
                <a:extLst>
                  <a:ext uri="{FF2B5EF4-FFF2-40B4-BE49-F238E27FC236}">
                    <a16:creationId xmlns:a16="http://schemas.microsoft.com/office/drawing/2014/main" id="{13DD3A57-2059-433B-ABB5-722E90397F3A}"/>
                  </a:ext>
                </a:extLst>
              </p:cNvPr>
              <p:cNvSpPr txBox="1"/>
              <p:nvPr/>
            </p:nvSpPr>
            <p:spPr>
              <a:xfrm>
                <a:off x="5108585" y="3677816"/>
                <a:ext cx="1044116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dirty="0">
                    <a:solidFill>
                      <a:srgbClr val="C00000"/>
                    </a:solidFill>
                  </a:rPr>
                  <a:t>MBE</a:t>
                </a:r>
              </a:p>
            </p:txBody>
          </p:sp>
          <p:sp>
            <p:nvSpPr>
              <p:cNvPr id="44" name="ZoneTexte 43">
                <a:extLst>
                  <a:ext uri="{FF2B5EF4-FFF2-40B4-BE49-F238E27FC236}">
                    <a16:creationId xmlns:a16="http://schemas.microsoft.com/office/drawing/2014/main" id="{6EE14B32-59AD-4417-B7B7-5A87D2BCBFA2}"/>
                  </a:ext>
                </a:extLst>
              </p:cNvPr>
              <p:cNvSpPr txBox="1"/>
              <p:nvPr/>
            </p:nvSpPr>
            <p:spPr>
              <a:xfrm>
                <a:off x="5386387" y="1994110"/>
                <a:ext cx="38023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dirty="0">
                    <a:solidFill>
                      <a:srgbClr val="0432FF"/>
                    </a:solidFill>
                  </a:rPr>
                  <a:t>LL</a:t>
                </a:r>
              </a:p>
            </p:txBody>
          </p:sp>
          <p:sp>
            <p:nvSpPr>
              <p:cNvPr id="45" name="ZoneTexte 44">
                <a:extLst>
                  <a:ext uri="{FF2B5EF4-FFF2-40B4-BE49-F238E27FC236}">
                    <a16:creationId xmlns:a16="http://schemas.microsoft.com/office/drawing/2014/main" id="{180EF0A0-3939-4FB8-B401-282892F2A800}"/>
                  </a:ext>
                </a:extLst>
              </p:cNvPr>
              <p:cNvSpPr txBox="1"/>
              <p:nvPr/>
            </p:nvSpPr>
            <p:spPr>
              <a:xfrm>
                <a:off x="6636431" y="2033985"/>
                <a:ext cx="699230" cy="40011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dirty="0">
                    <a:solidFill>
                      <a:srgbClr val="0432FF"/>
                    </a:solidFill>
                  </a:rPr>
                  <a:t>TRB</a:t>
                </a:r>
              </a:p>
            </p:txBody>
          </p:sp>
          <p:sp>
            <p:nvSpPr>
              <p:cNvPr id="46" name="ZoneTexte 45">
                <a:extLst>
                  <a:ext uri="{FF2B5EF4-FFF2-40B4-BE49-F238E27FC236}">
                    <a16:creationId xmlns:a16="http://schemas.microsoft.com/office/drawing/2014/main" id="{0EC02C8D-A036-4CCC-9F92-781206B55A37}"/>
                  </a:ext>
                </a:extLst>
              </p:cNvPr>
              <p:cNvSpPr txBox="1"/>
              <p:nvPr/>
            </p:nvSpPr>
            <p:spPr>
              <a:xfrm>
                <a:off x="8057084" y="2026152"/>
                <a:ext cx="699230" cy="40011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dirty="0">
                    <a:solidFill>
                      <a:srgbClr val="0432FF"/>
                    </a:solidFill>
                  </a:rPr>
                  <a:t>TRA</a:t>
                </a:r>
              </a:p>
            </p:txBody>
          </p:sp>
          <p:sp>
            <p:nvSpPr>
              <p:cNvPr id="47" name="ZoneTexte 46">
                <a:extLst>
                  <a:ext uri="{FF2B5EF4-FFF2-40B4-BE49-F238E27FC236}">
                    <a16:creationId xmlns:a16="http://schemas.microsoft.com/office/drawing/2014/main" id="{7A480592-3617-4B71-A13B-E4A216CC4D75}"/>
                  </a:ext>
                </a:extLst>
              </p:cNvPr>
              <p:cNvSpPr txBox="1"/>
              <p:nvPr/>
            </p:nvSpPr>
            <p:spPr>
              <a:xfrm>
                <a:off x="8337791" y="3468590"/>
                <a:ext cx="755335" cy="40011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dirty="0">
                    <a:solidFill>
                      <a:srgbClr val="0432FF"/>
                    </a:solidFill>
                  </a:rPr>
                  <a:t>GUN</a:t>
                </a:r>
              </a:p>
            </p:txBody>
          </p:sp>
        </p:grp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DB3DF42D-408A-49EB-9D62-8784BD278587}"/>
                </a:ext>
              </a:extLst>
            </p:cNvPr>
            <p:cNvSpPr/>
            <p:nvPr/>
          </p:nvSpPr>
          <p:spPr>
            <a:xfrm>
              <a:off x="368982" y="2914357"/>
              <a:ext cx="1209183" cy="57445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11" name="ZoneTexte 10">
            <a:extLst>
              <a:ext uri="{FF2B5EF4-FFF2-40B4-BE49-F238E27FC236}">
                <a16:creationId xmlns:a16="http://schemas.microsoft.com/office/drawing/2014/main" id="{517C2168-EB1B-42FB-8EE0-B45FF3112464}"/>
              </a:ext>
            </a:extLst>
          </p:cNvPr>
          <p:cNvSpPr txBox="1"/>
          <p:nvPr/>
        </p:nvSpPr>
        <p:spPr>
          <a:xfrm>
            <a:off x="6577862" y="3806856"/>
            <a:ext cx="49186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Remise à la </a:t>
            </a:r>
            <a:r>
              <a:rPr lang="fr-FR" dirty="0" err="1"/>
              <a:t>Patm</a:t>
            </a:r>
            <a:r>
              <a:rPr lang="fr-FR" dirty="0"/>
              <a:t> 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5B55141F-5856-4674-843B-E817B1F2C895}"/>
              </a:ext>
            </a:extLst>
          </p:cNvPr>
          <p:cNvSpPr txBox="1"/>
          <p:nvPr/>
        </p:nvSpPr>
        <p:spPr>
          <a:xfrm>
            <a:off x="6570231" y="4341213"/>
            <a:ext cx="47318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Chgt du quartz de la balance +  de la jauge de la pompe Turbo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981786B6-0915-4866-8EDB-91146D9BC8E8}"/>
              </a:ext>
            </a:extLst>
          </p:cNvPr>
          <p:cNvSpPr txBox="1"/>
          <p:nvPr/>
        </p:nvSpPr>
        <p:spPr>
          <a:xfrm>
            <a:off x="6577862" y="5090271"/>
            <a:ext cx="45826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Etuvage + activation des NEG de la MBE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20FE80BA-F50C-4726-9633-F793F176E0D6}"/>
              </a:ext>
            </a:extLst>
          </p:cNvPr>
          <p:cNvSpPr txBox="1"/>
          <p:nvPr/>
        </p:nvSpPr>
        <p:spPr>
          <a:xfrm>
            <a:off x="10024460" y="2554488"/>
            <a:ext cx="28115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A faire </a:t>
            </a:r>
          </a:p>
        </p:txBody>
      </p:sp>
      <p:pic>
        <p:nvPicPr>
          <p:cNvPr id="31" name="Image 30">
            <a:extLst>
              <a:ext uri="{FF2B5EF4-FFF2-40B4-BE49-F238E27FC236}">
                <a16:creationId xmlns:a16="http://schemas.microsoft.com/office/drawing/2014/main" id="{1F908123-613E-4F27-9F4A-1F676D8D5664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021" y="3611622"/>
            <a:ext cx="4444294" cy="2883284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522D5655-8904-4DDD-9042-3ABF8EF37EA2}"/>
              </a:ext>
            </a:extLst>
          </p:cNvPr>
          <p:cNvSpPr txBox="1"/>
          <p:nvPr/>
        </p:nvSpPr>
        <p:spPr>
          <a:xfrm>
            <a:off x="1670674" y="3654693"/>
            <a:ext cx="1644899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fr-FR" sz="1200" dirty="0"/>
              <a:t>Etuvage LL TRA et TRB</a:t>
            </a:r>
          </a:p>
        </p:txBody>
      </p:sp>
    </p:spTree>
    <p:extLst>
      <p:ext uri="{BB962C8B-B14F-4D97-AF65-F5344CB8AC3E}">
        <p14:creationId xmlns:p14="http://schemas.microsoft.com/office/powerpoint/2010/main" val="27387957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2121B3B-DA14-48A5-A403-A1DBE46911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Etat d’avancement  (3/3)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944886-E37F-401A-AFE5-C264A663D2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5EB7D63-AD73-4DA3-8A32-328BC23099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1994973-0B68-450C-AFF0-1221037510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FDC7296C-09C3-4385-B480-ED56F8CEEB60}"/>
              </a:ext>
            </a:extLst>
          </p:cNvPr>
          <p:cNvSpPr txBox="1"/>
          <p:nvPr/>
        </p:nvSpPr>
        <p:spPr>
          <a:xfrm>
            <a:off x="602175" y="810486"/>
            <a:ext cx="4686893" cy="3642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sz="1767" dirty="0"/>
              <a:t>Dimensionnement de l’anneau  </a:t>
            </a:r>
            <a:r>
              <a:rPr lang="fr-FR" sz="1767" dirty="0">
                <a:solidFill>
                  <a:schemeClr val="accent2"/>
                </a:solidFill>
              </a:rPr>
              <a:t>(En cours)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2CE4D69E-68AE-482F-B3D0-8F7FE6586A06}"/>
              </a:ext>
            </a:extLst>
          </p:cNvPr>
          <p:cNvSpPr txBox="1"/>
          <p:nvPr/>
        </p:nvSpPr>
        <p:spPr>
          <a:xfrm>
            <a:off x="1377696" y="1215138"/>
            <a:ext cx="645957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600" dirty="0"/>
              <a:t>Impact du rayonnement synchrotron (RS)  (Faisceau 250 MeV@20 mA)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AA6969A9-43E6-41DB-96C3-38ECDA3D5EE2}"/>
              </a:ext>
            </a:extLst>
          </p:cNvPr>
          <p:cNvSpPr txBox="1"/>
          <p:nvPr/>
        </p:nvSpPr>
        <p:spPr>
          <a:xfrm>
            <a:off x="1562526" y="5894876"/>
            <a:ext cx="76581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600" dirty="0"/>
              <a:t>  prise en compte des </a:t>
            </a:r>
            <a:r>
              <a:rPr lang="fr-FR" dirty="0"/>
              <a:t>rayonnement</a:t>
            </a:r>
            <a:r>
              <a:rPr lang="fr-FR" sz="1600" dirty="0"/>
              <a:t> RS issus des 3 anneaux avec les 5 faisceaux</a:t>
            </a:r>
          </a:p>
        </p:txBody>
      </p:sp>
      <p:graphicFrame>
        <p:nvGraphicFramePr>
          <p:cNvPr id="10" name="Graphique 9">
            <a:extLst>
              <a:ext uri="{FF2B5EF4-FFF2-40B4-BE49-F238E27FC236}">
                <a16:creationId xmlns:a16="http://schemas.microsoft.com/office/drawing/2014/main" id="{D9A561F5-B5A0-46AB-B7D5-23D5EE2727C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48835007"/>
              </p:ext>
            </p:extLst>
          </p:nvPr>
        </p:nvGraphicFramePr>
        <p:xfrm>
          <a:off x="0" y="1638213"/>
          <a:ext cx="8001000" cy="3813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pic>
        <p:nvPicPr>
          <p:cNvPr id="25" name="Espace réservé du contenu 6">
            <a:extLst>
              <a:ext uri="{FF2B5EF4-FFF2-40B4-BE49-F238E27FC236}">
                <a16:creationId xmlns:a16="http://schemas.microsoft.com/office/drawing/2014/main" id="{22D715E2-D52D-4FED-9A12-1566CAAF835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rcRect r="52043"/>
          <a:stretch/>
        </p:blipFill>
        <p:spPr>
          <a:xfrm>
            <a:off x="8432633" y="1921294"/>
            <a:ext cx="3759366" cy="3200400"/>
          </a:xfrm>
          <a:prstGeom prst="rect">
            <a:avLst/>
          </a:prstGeom>
        </p:spPr>
      </p:pic>
      <p:sp>
        <p:nvSpPr>
          <p:cNvPr id="3" name="ZoneTexte 2">
            <a:extLst>
              <a:ext uri="{FF2B5EF4-FFF2-40B4-BE49-F238E27FC236}">
                <a16:creationId xmlns:a16="http://schemas.microsoft.com/office/drawing/2014/main" id="{A46AD77E-30CF-4A17-B8DF-D34E5833398D}"/>
              </a:ext>
            </a:extLst>
          </p:cNvPr>
          <p:cNvSpPr txBox="1"/>
          <p:nvPr/>
        </p:nvSpPr>
        <p:spPr>
          <a:xfrm>
            <a:off x="11164316" y="5210837"/>
            <a:ext cx="11917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0,6 Watt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78397B17-82DD-4E87-822F-7F4180ED42F4}"/>
              </a:ext>
            </a:extLst>
          </p:cNvPr>
          <p:cNvSpPr txBox="1"/>
          <p:nvPr/>
        </p:nvSpPr>
        <p:spPr>
          <a:xfrm>
            <a:off x="9307128" y="1588419"/>
            <a:ext cx="236664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/>
              <a:t>Logiciel </a:t>
            </a:r>
            <a:r>
              <a:rPr lang="fr-FR" sz="1600" dirty="0" err="1"/>
              <a:t>Synrad</a:t>
            </a:r>
            <a:r>
              <a:rPr lang="fr-FR" sz="1600" dirty="0"/>
              <a:t> (CERN)</a:t>
            </a:r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6CE19B9B-9013-46B6-A521-C1D3A0618070}"/>
              </a:ext>
            </a:extLst>
          </p:cNvPr>
          <p:cNvSpPr txBox="1"/>
          <p:nvPr/>
        </p:nvSpPr>
        <p:spPr>
          <a:xfrm>
            <a:off x="1585624" y="5496048"/>
            <a:ext cx="4510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/>
              <a:t>Prendre en compte la réflexion du RS</a:t>
            </a:r>
          </a:p>
        </p:txBody>
      </p:sp>
      <p:cxnSp>
        <p:nvCxnSpPr>
          <p:cNvPr id="28" name="Connecteur droit avec flèche 27">
            <a:extLst>
              <a:ext uri="{FF2B5EF4-FFF2-40B4-BE49-F238E27FC236}">
                <a16:creationId xmlns:a16="http://schemas.microsoft.com/office/drawing/2014/main" id="{4F589C14-70B9-4BB0-BB89-E89FA9E3E87F}"/>
              </a:ext>
            </a:extLst>
          </p:cNvPr>
          <p:cNvCxnSpPr>
            <a:cxnSpLocks/>
          </p:cNvCxnSpPr>
          <p:nvPr/>
        </p:nvCxnSpPr>
        <p:spPr>
          <a:xfrm flipV="1">
            <a:off x="11587348" y="4688378"/>
            <a:ext cx="172852" cy="433316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ZoneTexte 28">
            <a:extLst>
              <a:ext uri="{FF2B5EF4-FFF2-40B4-BE49-F238E27FC236}">
                <a16:creationId xmlns:a16="http://schemas.microsoft.com/office/drawing/2014/main" id="{F1316343-97BD-47B8-90F5-4535288DF9D1}"/>
              </a:ext>
            </a:extLst>
          </p:cNvPr>
          <p:cNvSpPr txBox="1"/>
          <p:nvPr/>
        </p:nvSpPr>
        <p:spPr>
          <a:xfrm rot="16200000">
            <a:off x="6000971" y="2443759"/>
            <a:ext cx="11917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b="1" dirty="0">
                <a:solidFill>
                  <a:srgbClr val="FF0000"/>
                </a:solidFill>
              </a:rPr>
              <a:t>0,6 Watt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F9B80E0F-610A-45C6-B85E-D7849C62E457}"/>
              </a:ext>
            </a:extLst>
          </p:cNvPr>
          <p:cNvSpPr/>
          <p:nvPr/>
        </p:nvSpPr>
        <p:spPr>
          <a:xfrm>
            <a:off x="602175" y="5212810"/>
            <a:ext cx="113415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dirty="0"/>
              <a:t> A faire</a:t>
            </a:r>
          </a:p>
        </p:txBody>
      </p:sp>
    </p:spTree>
    <p:extLst>
      <p:ext uri="{BB962C8B-B14F-4D97-AF65-F5344CB8AC3E}">
        <p14:creationId xmlns:p14="http://schemas.microsoft.com/office/powerpoint/2010/main" val="77094409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13B8A7C-4C2D-4860-95C5-EA8E07470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Planning et principaux jalons du WP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046AD8E-01A9-4B23-B1B4-ACE76B50EF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55F4806-56FC-4229-8081-E7F2C971A7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5DF4DC7-A1FA-4D7D-ADD5-CE2EDEA74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334AE60D-53B7-453B-97BA-8746C72CC3E7}"/>
              </a:ext>
            </a:extLst>
          </p:cNvPr>
          <p:cNvSpPr txBox="1"/>
          <p:nvPr/>
        </p:nvSpPr>
        <p:spPr>
          <a:xfrm>
            <a:off x="611115" y="982652"/>
            <a:ext cx="1610718" cy="27699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WP9 vacuum </a:t>
            </a:r>
          </a:p>
        </p:txBody>
      </p:sp>
      <p:sp>
        <p:nvSpPr>
          <p:cNvPr id="8" name="OTLSHAPE_TB_00000000000000000000000000000000_TimescaleInterval8">
            <a:extLst>
              <a:ext uri="{FF2B5EF4-FFF2-40B4-BE49-F238E27FC236}">
                <a16:creationId xmlns:a16="http://schemas.microsoft.com/office/drawing/2014/main" id="{A37A32EB-E2AE-4425-AAD0-EFFE46FE0D96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0289193" y="1088134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grpSp>
        <p:nvGrpSpPr>
          <p:cNvPr id="9" name="Groupe 8">
            <a:extLst>
              <a:ext uri="{FF2B5EF4-FFF2-40B4-BE49-F238E27FC236}">
                <a16:creationId xmlns:a16="http://schemas.microsoft.com/office/drawing/2014/main" id="{6B432465-853E-4BE3-9D58-37FF341AD096}"/>
              </a:ext>
            </a:extLst>
          </p:cNvPr>
          <p:cNvGrpSpPr/>
          <p:nvPr/>
        </p:nvGrpSpPr>
        <p:grpSpPr>
          <a:xfrm>
            <a:off x="3526600" y="923300"/>
            <a:ext cx="5661906" cy="861630"/>
            <a:chOff x="2176539" y="623845"/>
            <a:chExt cx="5661906" cy="861630"/>
          </a:xfrm>
        </p:grpSpPr>
        <p:sp>
          <p:nvSpPr>
            <p:cNvPr id="10" name="OTLSHAPE_TB_00000000000000000000000000000000_ScaleContainer">
              <a:extLst>
                <a:ext uri="{FF2B5EF4-FFF2-40B4-BE49-F238E27FC236}">
                  <a16:creationId xmlns:a16="http://schemas.microsoft.com/office/drawing/2014/main" id="{21EA1344-1352-4AA0-B3E4-FAF99D3CDC4E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2176539" y="642567"/>
              <a:ext cx="5599771" cy="269234"/>
            </a:xfrm>
            <a:prstGeom prst="round2SameRect">
              <a:avLst/>
            </a:prstGeom>
            <a:solidFill>
              <a:srgbClr val="248232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OTLSHAPE_TB_00000000000000000000000000000000_MiddleScaleContainer">
              <a:extLst>
                <a:ext uri="{FF2B5EF4-FFF2-40B4-BE49-F238E27FC236}">
                  <a16:creationId xmlns:a16="http://schemas.microsoft.com/office/drawing/2014/main" id="{0EA395B1-D75B-4E5A-AC50-6C1AB06F2273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2186920" y="905996"/>
              <a:ext cx="5589390" cy="265287"/>
            </a:xfrm>
            <a:prstGeom prst="rect">
              <a:avLst/>
            </a:prstGeom>
            <a:solidFill>
              <a:srgbClr val="1B263B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OTLSHAPE_TB_00000000000000000000000000000000_TimescaleInterval1">
              <a:extLst>
                <a:ext uri="{FF2B5EF4-FFF2-40B4-BE49-F238E27FC236}">
                  <a16:creationId xmlns:a16="http://schemas.microsoft.com/office/drawing/2014/main" id="{8EF9807A-F119-4FCB-9986-96AC91C77E4E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306317" y="624145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4" dirty="0">
                  <a:solidFill>
                    <a:srgbClr val="E0E1DD"/>
                  </a:solidFill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13" name="OTLSHAPE_TB_00000000000000000000000000000000_TimescaleInterval2">
              <a:extLst>
                <a:ext uri="{FF2B5EF4-FFF2-40B4-BE49-F238E27FC236}">
                  <a16:creationId xmlns:a16="http://schemas.microsoft.com/office/drawing/2014/main" id="{116F61DE-A8D9-4AF1-81B2-8CDB75D56AC1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3330839" y="727731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endPara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" name="OTLSHAPE_TB_00000000000000000000000000000000_TimescaleInterval3">
              <a:extLst>
                <a:ext uri="{FF2B5EF4-FFF2-40B4-BE49-F238E27FC236}">
                  <a16:creationId xmlns:a16="http://schemas.microsoft.com/office/drawing/2014/main" id="{01064C4C-F24C-4C60-8669-C03D3E84202A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295818" y="727731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endPara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" name="OTLSHAPE_TB_00000000000000000000000000000000_TimescaleInterval4">
              <a:extLst>
                <a:ext uri="{FF2B5EF4-FFF2-40B4-BE49-F238E27FC236}">
                  <a16:creationId xmlns:a16="http://schemas.microsoft.com/office/drawing/2014/main" id="{882B0FE6-B5F6-456C-9417-765C81D103B3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5391732" y="727731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endPara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" name="OTLSHAPE_TB_00000000000000000000000000000000_TimescaleInterval5">
              <a:extLst>
                <a:ext uri="{FF2B5EF4-FFF2-40B4-BE49-F238E27FC236}">
                  <a16:creationId xmlns:a16="http://schemas.microsoft.com/office/drawing/2014/main" id="{857CA377-5C7C-42EE-BDD3-1DFE4554CA70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748696" y="623845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4" dirty="0">
                  <a:solidFill>
                    <a:srgbClr val="E0E1DD"/>
                  </a:solidFill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17" name="OTLSHAPE_TB_00000000000000000000000000000000_TimescaleInterval6">
              <a:extLst>
                <a:ext uri="{FF2B5EF4-FFF2-40B4-BE49-F238E27FC236}">
                  <a16:creationId xmlns:a16="http://schemas.microsoft.com/office/drawing/2014/main" id="{A6C4A388-8CB1-4BEA-A83D-84B76B6A6A99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7583560" y="727731"/>
              <a:ext cx="25488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endPara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2835BBF-C9C0-44AB-A9E5-6157EBF2E7C6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2308771" y="919754"/>
              <a:ext cx="181251" cy="18507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8" dirty="0">
                  <a:solidFill>
                    <a:srgbClr val="E0E1DD"/>
                  </a:solidFill>
                  <a:latin typeface="Calibri" panose="020F0502020204030204" pitchFamily="34" charset="0"/>
                </a:rPr>
                <a:t>sept</a:t>
              </a:r>
            </a:p>
          </p:txBody>
        </p:sp>
        <p:sp>
          <p:nvSpPr>
            <p:cNvPr id="1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8DE46396-8601-4B3A-95EE-4A702E3CFE04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047906" y="917032"/>
              <a:ext cx="20107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2" dirty="0">
                  <a:solidFill>
                    <a:srgbClr val="E0E1DD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  <p:sp>
          <p:nvSpPr>
            <p:cNvPr id="2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76317BF6-1812-412B-B433-F69734CDDF0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887476" y="897395"/>
              <a:ext cx="174172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2" dirty="0" err="1">
                  <a:solidFill>
                    <a:srgbClr val="E0E1DD"/>
                  </a:solidFill>
                  <a:latin typeface="Calibri" panose="020F0502020204030204" pitchFamily="34" charset="0"/>
                </a:rPr>
                <a:t>nov</a:t>
              </a:r>
              <a:endPara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" name="OTLSHAPE_TB_00000000000000000000000000000000_MiddleTimescaleInterval4">
              <a:extLst>
                <a:ext uri="{FF2B5EF4-FFF2-40B4-BE49-F238E27FC236}">
                  <a16:creationId xmlns:a16="http://schemas.microsoft.com/office/drawing/2014/main" id="{17FDA38C-EA46-4938-B690-4FE8F4683C07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819347" y="904269"/>
              <a:ext cx="185500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0" dirty="0" err="1">
                  <a:solidFill>
                    <a:srgbClr val="E0E1DD"/>
                  </a:solidFill>
                  <a:latin typeface="Calibri" panose="020F0502020204030204" pitchFamily="34" charset="0"/>
                </a:rPr>
                <a:t>dec</a:t>
              </a:r>
              <a:endPara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" name="OTLSHAPE_M_eaf47aca2065454f8b52a6e422f73fd8_Shape">
              <a:extLst>
                <a:ext uri="{FF2B5EF4-FFF2-40B4-BE49-F238E27FC236}">
                  <a16:creationId xmlns:a16="http://schemas.microsoft.com/office/drawing/2014/main" id="{E57B5D76-4D41-4B77-99A8-75844FC1D26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7703821" y="1192540"/>
              <a:ext cx="134624" cy="257918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AF0EF9C6-4AB6-4428-9144-0FDB238F8678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766450" y="941356"/>
              <a:ext cx="181251" cy="18507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8" dirty="0" err="1">
                  <a:solidFill>
                    <a:srgbClr val="E0E1DD"/>
                  </a:solidFill>
                  <a:latin typeface="Calibri" panose="020F0502020204030204" pitchFamily="34" charset="0"/>
                </a:rPr>
                <a:t>jan</a:t>
              </a:r>
              <a:endParaRPr lang="en-GB" sz="1100" b="1" spc="-18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51ECD056-79CC-465B-9895-78FF79B537AE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6513399" y="931787"/>
              <a:ext cx="201075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2" dirty="0" err="1">
                  <a:solidFill>
                    <a:srgbClr val="E0E1DD"/>
                  </a:solidFill>
                  <a:latin typeface="Calibri" panose="020F0502020204030204" pitchFamily="34" charset="0"/>
                </a:rPr>
                <a:t>février</a:t>
              </a:r>
              <a:endPara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194310D3-8AF2-4D5B-B9FC-DF100BDAC128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7352969" y="912150"/>
              <a:ext cx="174172" cy="2473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b="1" spc="-12" dirty="0">
                  <a:solidFill>
                    <a:srgbClr val="E0E1DD"/>
                  </a:solidFill>
                  <a:latin typeface="Calibri" panose="020F0502020204030204" pitchFamily="34" charset="0"/>
                </a:rPr>
                <a:t>Mars</a:t>
              </a:r>
            </a:p>
          </p:txBody>
        </p:sp>
        <p:sp>
          <p:nvSpPr>
            <p:cNvPr id="26" name="OTLSHAPE_M_eaf47aca2065454f8b52a6e422f73fd8_Shape">
              <a:extLst>
                <a:ext uri="{FF2B5EF4-FFF2-40B4-BE49-F238E27FC236}">
                  <a16:creationId xmlns:a16="http://schemas.microsoft.com/office/drawing/2014/main" id="{F2B72231-F403-4675-9FDD-C13AB314D726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 flipV="1">
              <a:off x="4633550" y="1227557"/>
              <a:ext cx="134624" cy="257918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27" name="ZoneTexte 26">
            <a:extLst>
              <a:ext uri="{FF2B5EF4-FFF2-40B4-BE49-F238E27FC236}">
                <a16:creationId xmlns:a16="http://schemas.microsoft.com/office/drawing/2014/main" id="{A75D84BB-FD7A-4B87-AA8D-18E94AA1DD35}"/>
              </a:ext>
            </a:extLst>
          </p:cNvPr>
          <p:cNvSpPr txBox="1"/>
          <p:nvPr/>
        </p:nvSpPr>
        <p:spPr>
          <a:xfrm>
            <a:off x="584847" y="1784930"/>
            <a:ext cx="2040521" cy="64633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Etude dimensionnement du système de vide</a:t>
            </a:r>
          </a:p>
          <a:p>
            <a:endParaRPr lang="fr-FR" sz="1200" b="1" dirty="0"/>
          </a:p>
        </p:txBody>
      </p:sp>
      <p:sp>
        <p:nvSpPr>
          <p:cNvPr id="28" name="ZoneTexte 27">
            <a:extLst>
              <a:ext uri="{FF2B5EF4-FFF2-40B4-BE49-F238E27FC236}">
                <a16:creationId xmlns:a16="http://schemas.microsoft.com/office/drawing/2014/main" id="{B323659C-4C9F-4474-AE17-020333A74B90}"/>
              </a:ext>
            </a:extLst>
          </p:cNvPr>
          <p:cNvSpPr txBox="1"/>
          <p:nvPr/>
        </p:nvSpPr>
        <p:spPr>
          <a:xfrm>
            <a:off x="2952712" y="1737547"/>
            <a:ext cx="1818523" cy="253916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050" b="1" dirty="0"/>
              <a:t>Design vide </a:t>
            </a:r>
            <a:r>
              <a:rPr lang="fr-FR" sz="1050" b="1" dirty="0" err="1"/>
              <a:t>injecteur+merger</a:t>
            </a:r>
            <a:endParaRPr lang="fr-FR" sz="1050" b="1" dirty="0"/>
          </a:p>
        </p:txBody>
      </p:sp>
      <p:sp>
        <p:nvSpPr>
          <p:cNvPr id="29" name="ZoneTexte 28">
            <a:extLst>
              <a:ext uri="{FF2B5EF4-FFF2-40B4-BE49-F238E27FC236}">
                <a16:creationId xmlns:a16="http://schemas.microsoft.com/office/drawing/2014/main" id="{58D336AC-B983-4CFF-BE88-A137FE3396A4}"/>
              </a:ext>
            </a:extLst>
          </p:cNvPr>
          <p:cNvSpPr txBox="1"/>
          <p:nvPr/>
        </p:nvSpPr>
        <p:spPr>
          <a:xfrm>
            <a:off x="3473858" y="1999627"/>
            <a:ext cx="3879784" cy="27699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Design vide ANNEAU  </a:t>
            </a:r>
          </a:p>
        </p:txBody>
      </p:sp>
      <p:sp>
        <p:nvSpPr>
          <p:cNvPr id="30" name="ZoneTexte 29">
            <a:extLst>
              <a:ext uri="{FF2B5EF4-FFF2-40B4-BE49-F238E27FC236}">
                <a16:creationId xmlns:a16="http://schemas.microsoft.com/office/drawing/2014/main" id="{5647C10E-CF5F-4978-A5B2-0D52DBDE542C}"/>
              </a:ext>
            </a:extLst>
          </p:cNvPr>
          <p:cNvSpPr txBox="1"/>
          <p:nvPr/>
        </p:nvSpPr>
        <p:spPr>
          <a:xfrm>
            <a:off x="9284532" y="1979827"/>
            <a:ext cx="215634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Input: effets collectives (ions), impédance, niveau de vide dans l’anneau et dans les IP ?</a:t>
            </a:r>
          </a:p>
        </p:txBody>
      </p:sp>
      <p:sp>
        <p:nvSpPr>
          <p:cNvPr id="31" name="ZoneTexte 30">
            <a:extLst>
              <a:ext uri="{FF2B5EF4-FFF2-40B4-BE49-F238E27FC236}">
                <a16:creationId xmlns:a16="http://schemas.microsoft.com/office/drawing/2014/main" id="{848D252C-B517-4401-982F-0495B15AE1D5}"/>
              </a:ext>
            </a:extLst>
          </p:cNvPr>
          <p:cNvSpPr txBox="1"/>
          <p:nvPr/>
        </p:nvSpPr>
        <p:spPr>
          <a:xfrm>
            <a:off x="9313036" y="1585245"/>
            <a:ext cx="174760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Input: impédance, équipements diagnostiques, </a:t>
            </a:r>
          </a:p>
        </p:txBody>
      </p:sp>
      <p:sp>
        <p:nvSpPr>
          <p:cNvPr id="32" name="ZoneTexte 31">
            <a:extLst>
              <a:ext uri="{FF2B5EF4-FFF2-40B4-BE49-F238E27FC236}">
                <a16:creationId xmlns:a16="http://schemas.microsoft.com/office/drawing/2014/main" id="{EBC17823-B54E-40E0-BF06-B43096DF46C6}"/>
              </a:ext>
            </a:extLst>
          </p:cNvPr>
          <p:cNvSpPr txBox="1"/>
          <p:nvPr/>
        </p:nvSpPr>
        <p:spPr>
          <a:xfrm>
            <a:off x="575836" y="3148175"/>
            <a:ext cx="2049527" cy="646331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Réception/test des équipements </a:t>
            </a:r>
          </a:p>
          <a:p>
            <a:endParaRPr lang="fr-FR" sz="1200" b="1" dirty="0">
              <a:solidFill>
                <a:srgbClr val="002060"/>
              </a:solidFill>
            </a:endParaRPr>
          </a:p>
        </p:txBody>
      </p:sp>
      <p:sp>
        <p:nvSpPr>
          <p:cNvPr id="33" name="ZoneTexte 32">
            <a:extLst>
              <a:ext uri="{FF2B5EF4-FFF2-40B4-BE49-F238E27FC236}">
                <a16:creationId xmlns:a16="http://schemas.microsoft.com/office/drawing/2014/main" id="{955777B6-46A3-4CB0-ACE2-B5F7CD245EDC}"/>
              </a:ext>
            </a:extLst>
          </p:cNvPr>
          <p:cNvSpPr txBox="1"/>
          <p:nvPr/>
        </p:nvSpPr>
        <p:spPr>
          <a:xfrm>
            <a:off x="5343536" y="3263340"/>
            <a:ext cx="345477" cy="430887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fr-FR" sz="1000" dirty="0"/>
          </a:p>
        </p:txBody>
      </p:sp>
      <p:cxnSp>
        <p:nvCxnSpPr>
          <p:cNvPr id="34" name="OTLSHAPE_M_4e91bb8943a74b158301cc7d87738766_Connector1">
            <a:extLst>
              <a:ext uri="{FF2B5EF4-FFF2-40B4-BE49-F238E27FC236}">
                <a16:creationId xmlns:a16="http://schemas.microsoft.com/office/drawing/2014/main" id="{479A9446-9840-4074-82AB-A38D1EFFA7D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rot="-420000" flipH="1">
            <a:off x="5746842" y="3319329"/>
            <a:ext cx="37936" cy="338129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M_4e91bb8943a74b158301cc7d87738766_Shape">
            <a:extLst>
              <a:ext uri="{FF2B5EF4-FFF2-40B4-BE49-F238E27FC236}">
                <a16:creationId xmlns:a16="http://schemas.microsoft.com/office/drawing/2014/main" id="{AFB287AB-2EBD-4C18-9355-F8038624768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745183" y="3212539"/>
            <a:ext cx="101600" cy="101600"/>
          </a:xfrm>
          <a:prstGeom prst="wav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3612CC00-82BB-4118-9078-244027ABC67F}"/>
              </a:ext>
            </a:extLst>
          </p:cNvPr>
          <p:cNvSpPr/>
          <p:nvPr/>
        </p:nvSpPr>
        <p:spPr>
          <a:xfrm>
            <a:off x="5309412" y="2841835"/>
            <a:ext cx="1134825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800" dirty="0"/>
              <a:t>Commande  pompage de la coupe Faraday</a:t>
            </a:r>
          </a:p>
        </p:txBody>
      </p:sp>
      <p:sp>
        <p:nvSpPr>
          <p:cNvPr id="37" name="ZoneTexte 36">
            <a:extLst>
              <a:ext uri="{FF2B5EF4-FFF2-40B4-BE49-F238E27FC236}">
                <a16:creationId xmlns:a16="http://schemas.microsoft.com/office/drawing/2014/main" id="{8F5CA2A7-985A-4872-841C-83BF2A21E584}"/>
              </a:ext>
            </a:extLst>
          </p:cNvPr>
          <p:cNvSpPr txBox="1"/>
          <p:nvPr/>
        </p:nvSpPr>
        <p:spPr>
          <a:xfrm>
            <a:off x="6373248" y="3272949"/>
            <a:ext cx="1274301" cy="430887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100" dirty="0"/>
              <a:t>Tests vide coupe Faraday  (CF)  </a:t>
            </a:r>
          </a:p>
        </p:txBody>
      </p:sp>
      <p:sp>
        <p:nvSpPr>
          <p:cNvPr id="38" name="ZoneTexte 37">
            <a:extLst>
              <a:ext uri="{FF2B5EF4-FFF2-40B4-BE49-F238E27FC236}">
                <a16:creationId xmlns:a16="http://schemas.microsoft.com/office/drawing/2014/main" id="{0BEDF517-B9BD-40F7-A09E-5B246DC722CF}"/>
              </a:ext>
            </a:extLst>
          </p:cNvPr>
          <p:cNvSpPr txBox="1"/>
          <p:nvPr/>
        </p:nvSpPr>
        <p:spPr>
          <a:xfrm>
            <a:off x="575836" y="4342241"/>
            <a:ext cx="2049527" cy="64633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b="1" dirty="0">
                <a:solidFill>
                  <a:srgbClr val="002060"/>
                </a:solidFill>
              </a:rPr>
              <a:t>mise en fonctionnement sur site / </a:t>
            </a:r>
            <a:r>
              <a:rPr lang="fr-FR" sz="1200" b="1" dirty="0" err="1">
                <a:solidFill>
                  <a:srgbClr val="002060"/>
                </a:solidFill>
              </a:rPr>
              <a:t>comissionning</a:t>
            </a:r>
            <a:r>
              <a:rPr lang="fr-FR" sz="1200" b="1" dirty="0">
                <a:solidFill>
                  <a:srgbClr val="002060"/>
                </a:solidFill>
              </a:rPr>
              <a:t> vide</a:t>
            </a:r>
          </a:p>
          <a:p>
            <a:endParaRPr lang="fr-FR" sz="1200" dirty="0"/>
          </a:p>
        </p:txBody>
      </p:sp>
      <p:sp>
        <p:nvSpPr>
          <p:cNvPr id="39" name="ZoneTexte 38">
            <a:extLst>
              <a:ext uri="{FF2B5EF4-FFF2-40B4-BE49-F238E27FC236}">
                <a16:creationId xmlns:a16="http://schemas.microsoft.com/office/drawing/2014/main" id="{A020B65F-173F-400A-9781-67A07A76DBA1}"/>
              </a:ext>
            </a:extLst>
          </p:cNvPr>
          <p:cNvSpPr txBox="1"/>
          <p:nvPr/>
        </p:nvSpPr>
        <p:spPr>
          <a:xfrm>
            <a:off x="3253113" y="4313757"/>
            <a:ext cx="1571658" cy="430887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MBE/</a:t>
            </a:r>
            <a:r>
              <a:rPr lang="fr-FR" sz="1000" dirty="0"/>
              <a:t>photocathode</a:t>
            </a:r>
          </a:p>
          <a:p>
            <a:pPr algn="ctr"/>
            <a:endParaRPr lang="fr-FR" sz="1000" dirty="0"/>
          </a:p>
        </p:txBody>
      </p:sp>
      <p:sp>
        <p:nvSpPr>
          <p:cNvPr id="40" name="ZoneTexte 39">
            <a:extLst>
              <a:ext uri="{FF2B5EF4-FFF2-40B4-BE49-F238E27FC236}">
                <a16:creationId xmlns:a16="http://schemas.microsoft.com/office/drawing/2014/main" id="{A058D21A-BB71-43B9-BC75-A49A483E4B46}"/>
              </a:ext>
            </a:extLst>
          </p:cNvPr>
          <p:cNvSpPr txBox="1"/>
          <p:nvPr/>
        </p:nvSpPr>
        <p:spPr>
          <a:xfrm>
            <a:off x="7159727" y="4751637"/>
            <a:ext cx="823749" cy="553998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000" dirty="0"/>
              <a:t>Étuvage/activation NEG MBE</a:t>
            </a: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FA178448-C041-499D-9F5F-066096920C26}"/>
              </a:ext>
            </a:extLst>
          </p:cNvPr>
          <p:cNvSpPr txBox="1"/>
          <p:nvPr/>
        </p:nvSpPr>
        <p:spPr>
          <a:xfrm>
            <a:off x="4775686" y="4763369"/>
            <a:ext cx="1274636" cy="430887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Injecteur </a:t>
            </a:r>
          </a:p>
          <a:p>
            <a:pPr algn="ctr"/>
            <a:r>
              <a:rPr lang="fr-FR" sz="1000" dirty="0"/>
              <a:t>pompage et étuvage</a:t>
            </a:r>
          </a:p>
        </p:txBody>
      </p:sp>
      <p:sp>
        <p:nvSpPr>
          <p:cNvPr id="43" name="ZoneTexte 42">
            <a:extLst>
              <a:ext uri="{FF2B5EF4-FFF2-40B4-BE49-F238E27FC236}">
                <a16:creationId xmlns:a16="http://schemas.microsoft.com/office/drawing/2014/main" id="{6FF1F0E3-F60F-40AF-A9B7-706625A6F5C5}"/>
              </a:ext>
            </a:extLst>
          </p:cNvPr>
          <p:cNvSpPr txBox="1"/>
          <p:nvPr/>
        </p:nvSpPr>
        <p:spPr>
          <a:xfrm>
            <a:off x="3304409" y="4547925"/>
            <a:ext cx="19334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Étuvage des évaporateurs</a:t>
            </a:r>
          </a:p>
        </p:txBody>
      </p:sp>
      <p:sp>
        <p:nvSpPr>
          <p:cNvPr id="44" name="ZoneTexte 43">
            <a:extLst>
              <a:ext uri="{FF2B5EF4-FFF2-40B4-BE49-F238E27FC236}">
                <a16:creationId xmlns:a16="http://schemas.microsoft.com/office/drawing/2014/main" id="{02852B5B-970E-46E5-8C75-25DBF7F52D61}"/>
              </a:ext>
            </a:extLst>
          </p:cNvPr>
          <p:cNvSpPr txBox="1"/>
          <p:nvPr/>
        </p:nvSpPr>
        <p:spPr>
          <a:xfrm>
            <a:off x="4225219" y="2279667"/>
            <a:ext cx="1803743" cy="27699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TDR</a:t>
            </a:r>
          </a:p>
        </p:txBody>
      </p:sp>
      <p:sp>
        <p:nvSpPr>
          <p:cNvPr id="45" name="ZoneTexte 44">
            <a:extLst>
              <a:ext uri="{FF2B5EF4-FFF2-40B4-BE49-F238E27FC236}">
                <a16:creationId xmlns:a16="http://schemas.microsoft.com/office/drawing/2014/main" id="{78683895-551F-49CD-B6ED-5C05B73F2B50}"/>
              </a:ext>
            </a:extLst>
          </p:cNvPr>
          <p:cNvSpPr txBox="1"/>
          <p:nvPr/>
        </p:nvSpPr>
        <p:spPr>
          <a:xfrm>
            <a:off x="5262917" y="3811544"/>
            <a:ext cx="187897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Traitements thermiques chambres</a:t>
            </a:r>
          </a:p>
        </p:txBody>
      </p:sp>
      <p:cxnSp>
        <p:nvCxnSpPr>
          <p:cNvPr id="46" name="Connecteur droit avec flèche 45">
            <a:extLst>
              <a:ext uri="{FF2B5EF4-FFF2-40B4-BE49-F238E27FC236}">
                <a16:creationId xmlns:a16="http://schemas.microsoft.com/office/drawing/2014/main" id="{95684D77-CA47-458E-8973-DD5E893CD8B7}"/>
              </a:ext>
            </a:extLst>
          </p:cNvPr>
          <p:cNvCxnSpPr/>
          <p:nvPr/>
        </p:nvCxnSpPr>
        <p:spPr>
          <a:xfrm flipV="1">
            <a:off x="5516274" y="3504677"/>
            <a:ext cx="0" cy="28402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Connecteur droit 49">
            <a:extLst>
              <a:ext uri="{FF2B5EF4-FFF2-40B4-BE49-F238E27FC236}">
                <a16:creationId xmlns:a16="http://schemas.microsoft.com/office/drawing/2014/main" id="{3006AB51-AFAA-4535-8FEF-1067E3B837B6}"/>
              </a:ext>
            </a:extLst>
          </p:cNvPr>
          <p:cNvCxnSpPr>
            <a:cxnSpLocks/>
          </p:cNvCxnSpPr>
          <p:nvPr/>
        </p:nvCxnSpPr>
        <p:spPr>
          <a:xfrm>
            <a:off x="6036778" y="1999627"/>
            <a:ext cx="59221" cy="4324462"/>
          </a:xfrm>
          <a:prstGeom prst="line">
            <a:avLst/>
          </a:prstGeom>
          <a:ln>
            <a:solidFill>
              <a:srgbClr val="FF0000"/>
            </a:solidFill>
            <a:prstDash val="lg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ZoneTexte 50">
            <a:extLst>
              <a:ext uri="{FF2B5EF4-FFF2-40B4-BE49-F238E27FC236}">
                <a16:creationId xmlns:a16="http://schemas.microsoft.com/office/drawing/2014/main" id="{93A93FEE-9A6F-4E01-8AA5-0D85DF93F9D8}"/>
              </a:ext>
            </a:extLst>
          </p:cNvPr>
          <p:cNvSpPr txBox="1"/>
          <p:nvPr/>
        </p:nvSpPr>
        <p:spPr>
          <a:xfrm>
            <a:off x="7975334" y="4751637"/>
            <a:ext cx="601584" cy="461665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800" b="1" dirty="0"/>
              <a:t>CF</a:t>
            </a:r>
          </a:p>
          <a:p>
            <a:r>
              <a:rPr lang="fr-FR" sz="800" dirty="0"/>
              <a:t>Étuvage</a:t>
            </a:r>
          </a:p>
          <a:p>
            <a:r>
              <a:rPr lang="fr-FR" sz="800" dirty="0"/>
              <a:t>  </a:t>
            </a: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B70A6E8D-0EEC-42A7-8DB6-B00D594C7FF1}"/>
              </a:ext>
            </a:extLst>
          </p:cNvPr>
          <p:cNvSpPr/>
          <p:nvPr/>
        </p:nvSpPr>
        <p:spPr>
          <a:xfrm>
            <a:off x="6036777" y="2284791"/>
            <a:ext cx="1260985" cy="259178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" name="ZoneTexte 53">
            <a:extLst>
              <a:ext uri="{FF2B5EF4-FFF2-40B4-BE49-F238E27FC236}">
                <a16:creationId xmlns:a16="http://schemas.microsoft.com/office/drawing/2014/main" id="{9B24E524-87FB-416C-9E70-A5DF07812595}"/>
              </a:ext>
            </a:extLst>
          </p:cNvPr>
          <p:cNvSpPr txBox="1"/>
          <p:nvPr/>
        </p:nvSpPr>
        <p:spPr>
          <a:xfrm>
            <a:off x="6087361" y="4763369"/>
            <a:ext cx="898833" cy="553998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000" dirty="0"/>
              <a:t>Pompage + étuvage TRA, TRB, LL</a:t>
            </a:r>
          </a:p>
        </p:txBody>
      </p:sp>
      <p:sp>
        <p:nvSpPr>
          <p:cNvPr id="56" name="ZoneTexte 55">
            <a:extLst>
              <a:ext uri="{FF2B5EF4-FFF2-40B4-BE49-F238E27FC236}">
                <a16:creationId xmlns:a16="http://schemas.microsoft.com/office/drawing/2014/main" id="{D30E8DF3-A09C-489A-81E8-A1577F3CA1AD}"/>
              </a:ext>
            </a:extLst>
          </p:cNvPr>
          <p:cNvSpPr txBox="1"/>
          <p:nvPr/>
        </p:nvSpPr>
        <p:spPr>
          <a:xfrm>
            <a:off x="8012591" y="5262311"/>
            <a:ext cx="860280" cy="35394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900" dirty="0"/>
              <a:t> </a:t>
            </a:r>
            <a:r>
              <a:rPr lang="fr-FR" sz="800" dirty="0"/>
              <a:t>fabrication photocathodes </a:t>
            </a:r>
          </a:p>
        </p:txBody>
      </p:sp>
      <p:cxnSp>
        <p:nvCxnSpPr>
          <p:cNvPr id="57" name="Connecteur droit 56">
            <a:extLst>
              <a:ext uri="{FF2B5EF4-FFF2-40B4-BE49-F238E27FC236}">
                <a16:creationId xmlns:a16="http://schemas.microsoft.com/office/drawing/2014/main" id="{B77D7F53-2C82-4969-87B2-ABD65C316468}"/>
              </a:ext>
            </a:extLst>
          </p:cNvPr>
          <p:cNvCxnSpPr>
            <a:cxnSpLocks/>
          </p:cNvCxnSpPr>
          <p:nvPr/>
        </p:nvCxnSpPr>
        <p:spPr>
          <a:xfrm>
            <a:off x="9147149" y="1836443"/>
            <a:ext cx="29682" cy="4459584"/>
          </a:xfrm>
          <a:prstGeom prst="line">
            <a:avLst/>
          </a:prstGeom>
          <a:ln>
            <a:solidFill>
              <a:srgbClr val="FF0000"/>
            </a:solidFill>
            <a:prstDash val="lg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Rectangle 59">
            <a:extLst>
              <a:ext uri="{FF2B5EF4-FFF2-40B4-BE49-F238E27FC236}">
                <a16:creationId xmlns:a16="http://schemas.microsoft.com/office/drawing/2014/main" id="{7CBA8765-C751-4176-9578-7BAFF84FAF0E}"/>
              </a:ext>
            </a:extLst>
          </p:cNvPr>
          <p:cNvSpPr/>
          <p:nvPr/>
        </p:nvSpPr>
        <p:spPr>
          <a:xfrm>
            <a:off x="444137" y="1478598"/>
            <a:ext cx="8609745" cy="1325233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702B5DAB-00EE-4596-B82C-D0D49A7007D9}"/>
              </a:ext>
            </a:extLst>
          </p:cNvPr>
          <p:cNvSpPr/>
          <p:nvPr/>
        </p:nvSpPr>
        <p:spPr>
          <a:xfrm>
            <a:off x="439870" y="2825679"/>
            <a:ext cx="8609745" cy="1325233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463C68BD-452B-40FB-AADE-8E1211DCF1A4}"/>
              </a:ext>
            </a:extLst>
          </p:cNvPr>
          <p:cNvSpPr/>
          <p:nvPr/>
        </p:nvSpPr>
        <p:spPr>
          <a:xfrm>
            <a:off x="451318" y="4138850"/>
            <a:ext cx="8609745" cy="1618279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84F3A85B-F45A-4B50-83B0-D8F5D62882EE}"/>
              </a:ext>
            </a:extLst>
          </p:cNvPr>
          <p:cNvSpPr/>
          <p:nvPr/>
        </p:nvSpPr>
        <p:spPr>
          <a:xfrm>
            <a:off x="7340840" y="1993701"/>
            <a:ext cx="1708775" cy="279307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009313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6697876-1FEC-461F-8D33-C0345DAC3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D2FDD2B-8D55-4208-8A7C-FB521BFC58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8354E80-2259-486A-986C-BDDB18A5C0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0E4188DE-5485-42AF-B6F2-8427A3DB1EB5}"/>
              </a:ext>
            </a:extLst>
          </p:cNvPr>
          <p:cNvSpPr txBox="1"/>
          <p:nvPr/>
        </p:nvSpPr>
        <p:spPr>
          <a:xfrm>
            <a:off x="3352800" y="3167390"/>
            <a:ext cx="48006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/>
              <a:t>Merci pour votre attention</a:t>
            </a:r>
          </a:p>
        </p:txBody>
      </p:sp>
    </p:spTree>
    <p:extLst>
      <p:ext uri="{BB962C8B-B14F-4D97-AF65-F5344CB8AC3E}">
        <p14:creationId xmlns:p14="http://schemas.microsoft.com/office/powerpoint/2010/main" val="36470670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6FCE9A2-B085-4700-96D6-F15186DB86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RGA  CANON     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85B9E99-3300-4623-B214-0E44E1FFFF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FBFC1EA-AD4B-40DD-A0CF-90B258C433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B0704A4-2029-4636-9A0B-D83BEA5D60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8</a:t>
            </a:fld>
            <a:endParaRPr lang="fr-FR" dirty="0"/>
          </a:p>
        </p:txBody>
      </p:sp>
      <p:grpSp>
        <p:nvGrpSpPr>
          <p:cNvPr id="24" name="Groupe 23">
            <a:extLst>
              <a:ext uri="{FF2B5EF4-FFF2-40B4-BE49-F238E27FC236}">
                <a16:creationId xmlns:a16="http://schemas.microsoft.com/office/drawing/2014/main" id="{5C7BD30F-D10B-4A52-9755-56B57E51F4FA}"/>
              </a:ext>
            </a:extLst>
          </p:cNvPr>
          <p:cNvGrpSpPr/>
          <p:nvPr/>
        </p:nvGrpSpPr>
        <p:grpSpPr>
          <a:xfrm>
            <a:off x="2082800" y="1778477"/>
            <a:ext cx="7169150" cy="4323079"/>
            <a:chOff x="2082800" y="1778477"/>
            <a:chExt cx="7169150" cy="4323079"/>
          </a:xfrm>
        </p:grpSpPr>
        <p:graphicFrame>
          <p:nvGraphicFramePr>
            <p:cNvPr id="8" name="Graphique 7">
              <a:extLst>
                <a:ext uri="{FF2B5EF4-FFF2-40B4-BE49-F238E27FC236}">
                  <a16:creationId xmlns:a16="http://schemas.microsoft.com/office/drawing/2014/main" id="{442DEA43-2BC4-46A7-85EF-47B0F31F4B1C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929833545"/>
                </p:ext>
              </p:extLst>
            </p:nvPr>
          </p:nvGraphicFramePr>
          <p:xfrm>
            <a:off x="2082800" y="1924843"/>
            <a:ext cx="7169150" cy="4176713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2A1AC5F6-966D-46F5-9CEC-C6E6FBA096BD}"/>
                </a:ext>
              </a:extLst>
            </p:cNvPr>
            <p:cNvSpPr txBox="1"/>
            <p:nvPr/>
          </p:nvSpPr>
          <p:spPr>
            <a:xfrm>
              <a:off x="3009900" y="1778477"/>
              <a:ext cx="16891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>
                  <a:solidFill>
                    <a:srgbClr val="FF0000"/>
                  </a:solidFill>
                </a:rPr>
                <a:t>ESD due au RGA</a:t>
              </a:r>
            </a:p>
          </p:txBody>
        </p:sp>
        <p:cxnSp>
          <p:nvCxnSpPr>
            <p:cNvPr id="11" name="Connecteur droit avec flèche 10">
              <a:extLst>
                <a:ext uri="{FF2B5EF4-FFF2-40B4-BE49-F238E27FC236}">
                  <a16:creationId xmlns:a16="http://schemas.microsoft.com/office/drawing/2014/main" id="{9301E00B-3F12-422F-9E4F-3FCECC02DF56}"/>
                </a:ext>
              </a:extLst>
            </p:cNvPr>
            <p:cNvCxnSpPr>
              <a:cxnSpLocks/>
            </p:cNvCxnSpPr>
            <p:nvPr/>
          </p:nvCxnSpPr>
          <p:spPr>
            <a:xfrm>
              <a:off x="3854450" y="2195118"/>
              <a:ext cx="692150" cy="890982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necteur droit avec flèche 12">
              <a:extLst>
                <a:ext uri="{FF2B5EF4-FFF2-40B4-BE49-F238E27FC236}">
                  <a16:creationId xmlns:a16="http://schemas.microsoft.com/office/drawing/2014/main" id="{CB7F349A-8161-4081-A606-815550A55FBC}"/>
                </a:ext>
              </a:extLst>
            </p:cNvPr>
            <p:cNvCxnSpPr>
              <a:cxnSpLocks/>
            </p:cNvCxnSpPr>
            <p:nvPr/>
          </p:nvCxnSpPr>
          <p:spPr>
            <a:xfrm>
              <a:off x="3854450" y="2195118"/>
              <a:ext cx="323850" cy="1075648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necteur droit avec flèche 14">
              <a:extLst>
                <a:ext uri="{FF2B5EF4-FFF2-40B4-BE49-F238E27FC236}">
                  <a16:creationId xmlns:a16="http://schemas.microsoft.com/office/drawing/2014/main" id="{44905A0F-1D68-41CB-8830-67D138714DA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486150" y="2195118"/>
              <a:ext cx="368300" cy="1525982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necteur droit avec flèche 18">
              <a:extLst>
                <a:ext uri="{FF2B5EF4-FFF2-40B4-BE49-F238E27FC236}">
                  <a16:creationId xmlns:a16="http://schemas.microsoft.com/office/drawing/2014/main" id="{ED6D4A62-824B-42F0-ADF8-6BE4BB42D04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759200" y="2224089"/>
              <a:ext cx="95250" cy="1438631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necteur droit avec flèche 20">
              <a:extLst>
                <a:ext uri="{FF2B5EF4-FFF2-40B4-BE49-F238E27FC236}">
                  <a16:creationId xmlns:a16="http://schemas.microsoft.com/office/drawing/2014/main" id="{2F1ABFA7-72FA-4F39-9312-29741128A35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835275" y="2184930"/>
              <a:ext cx="996950" cy="1076328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98557946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855A7D8-3745-44A0-940F-AC1CA425A5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D259A1A-F343-45F4-9066-ACF21C698D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22/01/26</a:t>
            </a:r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90752B5-6C22-44B2-B5F0-7A12ABA27D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6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C69FA7A-C985-40D4-A84D-ACECE083B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5C1CE2-6D07-417E-AC36-B374E24F93EB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832428FD-221B-4E18-BB29-1CACE48245B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41112" y="1369153"/>
            <a:ext cx="6533388" cy="4617847"/>
          </a:xfrm>
          <a:prstGeom prst="rect">
            <a:avLst/>
          </a:prstGeom>
        </p:spPr>
      </p:pic>
      <p:pic>
        <p:nvPicPr>
          <p:cNvPr id="22" name="Image 21">
            <a:extLst>
              <a:ext uri="{FF2B5EF4-FFF2-40B4-BE49-F238E27FC236}">
                <a16:creationId xmlns:a16="http://schemas.microsoft.com/office/drawing/2014/main" id="{42A738F6-944D-459E-86B4-E0398368F01B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1500" y="1874390"/>
            <a:ext cx="4458208" cy="4112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96910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fth Milestone or Event Here"/>
  <p:tag name="OTLDATE" val="2002-04-01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fth Milestone or Event Here"/>
  <p:tag name="OTLDATE" val="2002-04-01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Milestone or Event Here"/>
  <p:tag name="OTLDATE" val="1985-10-01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onception personnalisé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52</TotalTime>
  <Words>717</Words>
  <Application>Microsoft Office PowerPoint</Application>
  <PresentationFormat>Grand écran</PresentationFormat>
  <Paragraphs>160</Paragraphs>
  <Slides>1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11</vt:i4>
      </vt:variant>
    </vt:vector>
  </HeadingPairs>
  <TitlesOfParts>
    <vt:vector size="18" baseType="lpstr">
      <vt:lpstr>Arial</vt:lpstr>
      <vt:lpstr>Calibri</vt:lpstr>
      <vt:lpstr>Calibri Light</vt:lpstr>
      <vt:lpstr>Times New Roman</vt:lpstr>
      <vt:lpstr>Wingdings</vt:lpstr>
      <vt:lpstr>Thème Office</vt:lpstr>
      <vt:lpstr>Conception personnalisée</vt:lpstr>
      <vt:lpstr>Présentation PowerPoint</vt:lpstr>
      <vt:lpstr>TDR</vt:lpstr>
      <vt:lpstr>Etat d’avancement  (1/3)</vt:lpstr>
      <vt:lpstr>Etat d’avancement  (2/3)</vt:lpstr>
      <vt:lpstr>Etat d’avancement  (3/3)</vt:lpstr>
      <vt:lpstr>Planning et principaux jalons du WP</vt:lpstr>
      <vt:lpstr>Présentation PowerPoint</vt:lpstr>
      <vt:lpstr>RGA  CANON     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Sophie Cavalier</dc:creator>
  <cp:lastModifiedBy>Bruno Mercier</cp:lastModifiedBy>
  <cp:revision>98</cp:revision>
  <dcterms:created xsi:type="dcterms:W3CDTF">2025-10-02T12:37:31Z</dcterms:created>
  <dcterms:modified xsi:type="dcterms:W3CDTF">2026-01-22T12:13:43Z</dcterms:modified>
</cp:coreProperties>
</file>